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b16vpro01\Redirect$\i0260433\Desktop\"/>
    </mc:Choice>
  </mc:AlternateContent>
  <bookViews>
    <workbookView xWindow="0" yWindow="0" windowWidth="20490" windowHeight="7500"/>
  </bookViews>
  <sheets>
    <sheet name="別表１(様式２）" sheetId="1" r:id="rId1"/>
    <sheet name="別表２ (様式２) " sheetId="2" r:id="rId2"/>
    <sheet name="別表３ (様式２)" sheetId="3" r:id="rId3"/>
  </sheets>
  <definedNames>
    <definedName name="_xlnm.Print_Area" localSheetId="0">'別表１(様式２）'!$A$1:$M$61</definedName>
    <definedName name="_xlnm.Print_Area" localSheetId="1">'別表２ (様式２) '!$A$1:$M$53</definedName>
    <definedName name="_xlnm.Print_Area" localSheetId="2">'別表３ (様式２)'!$A$1:$M$6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29" uniqueCount="170">
  <si>
    <t>□欄には、該当箇所に「レ」を付すこと。</t>
    <rPh sb="1" eb="2">
      <t>ラン</t>
    </rPh>
    <rPh sb="5" eb="7">
      <t>ガイトウ</t>
    </rPh>
    <rPh sb="7" eb="9">
      <t>カショ</t>
    </rPh>
    <rPh sb="14" eb="15">
      <t>フ</t>
    </rPh>
    <phoneticPr fontId="2"/>
  </si>
  <si>
    <t xml:space="preserve">備考 </t>
    <rPh sb="0" eb="2">
      <t>ビコウ</t>
    </rPh>
    <phoneticPr fontId="2"/>
  </si>
  <si>
    <t>□</t>
    <phoneticPr fontId="2"/>
  </si>
  <si>
    <t>（注）　①建築設備・内装材等　②屋根ふき材　③外装材・上部構造部分　④基礎・基礎ぐい　⑤その他</t>
    <rPh sb="1" eb="2">
      <t>チュウ</t>
    </rPh>
    <rPh sb="5" eb="7">
      <t>ケンチク</t>
    </rPh>
    <rPh sb="7" eb="9">
      <t>セツビ</t>
    </rPh>
    <rPh sb="10" eb="12">
      <t>ナイソウ</t>
    </rPh>
    <rPh sb="12" eb="14">
      <t>ザイトウ</t>
    </rPh>
    <rPh sb="16" eb="18">
      <t>ヤネ</t>
    </rPh>
    <rPh sb="20" eb="21">
      <t>ザイ</t>
    </rPh>
    <rPh sb="23" eb="26">
      <t>ガイソウザイ</t>
    </rPh>
    <rPh sb="27" eb="29">
      <t>ジョウブ</t>
    </rPh>
    <rPh sb="29" eb="31">
      <t>コウゾウ</t>
    </rPh>
    <rPh sb="31" eb="33">
      <t>ブブン</t>
    </rPh>
    <rPh sb="35" eb="37">
      <t>キソ</t>
    </rPh>
    <rPh sb="38" eb="40">
      <t>キソ</t>
    </rPh>
    <rPh sb="46" eb="47">
      <t>タ</t>
    </rPh>
    <phoneticPr fontId="2"/>
  </si>
  <si>
    <t>□⑤</t>
    <phoneticPr fontId="2"/>
  </si>
  <si>
    <t>□①　□②　□③　□④</t>
    <phoneticPr fontId="2"/>
  </si>
  <si>
    <t>トン</t>
    <phoneticPr fontId="2"/>
  </si>
  <si>
    <t>□建設発生木材</t>
    <rPh sb="1" eb="3">
      <t>ケンセツ</t>
    </rPh>
    <rPh sb="3" eb="5">
      <t>ハッセイ</t>
    </rPh>
    <rPh sb="5" eb="7">
      <t>モクザイ</t>
    </rPh>
    <phoneticPr fontId="2"/>
  </si>
  <si>
    <t>□</t>
    <phoneticPr fontId="2"/>
  </si>
  <si>
    <t>□ｱｽﾌｧﾙﾄ･ｺﾝｸﾘｰﾄ塊</t>
    <rPh sb="14" eb="15">
      <t>カイ</t>
    </rPh>
    <phoneticPr fontId="2"/>
  </si>
  <si>
    <t>□</t>
    <phoneticPr fontId="2"/>
  </si>
  <si>
    <t>□コンクリート塊</t>
    <rPh sb="7" eb="8">
      <t>カイ</t>
    </rPh>
    <phoneticPr fontId="2"/>
  </si>
  <si>
    <t>発生が見込まれる部分（注）</t>
    <rPh sb="0" eb="2">
      <t>ハッセイ</t>
    </rPh>
    <rPh sb="3" eb="5">
      <t>ミコ</t>
    </rPh>
    <rPh sb="8" eb="10">
      <t>ブブン</t>
    </rPh>
    <rPh sb="11" eb="12">
      <t>チュウ</t>
    </rPh>
    <phoneticPr fontId="2"/>
  </si>
  <si>
    <t>量の見込み</t>
    <rPh sb="0" eb="1">
      <t>リョウ</t>
    </rPh>
    <rPh sb="2" eb="4">
      <t>ミコ</t>
    </rPh>
    <phoneticPr fontId="2"/>
  </si>
  <si>
    <t>種類</t>
    <rPh sb="0" eb="2">
      <t>シュルイ</t>
    </rPh>
    <phoneticPr fontId="2"/>
  </si>
  <si>
    <t>特定建設資材廃棄物の種類ごとの量の見込み及びその発生が見込まれる建築物の部分</t>
    <rPh sb="0" eb="2">
      <t>トクテイ</t>
    </rPh>
    <rPh sb="2" eb="4">
      <t>ケンセツ</t>
    </rPh>
    <rPh sb="4" eb="8">
      <t>シザイハイキ</t>
    </rPh>
    <rPh sb="8" eb="9">
      <t>ブツ</t>
    </rPh>
    <rPh sb="10" eb="12">
      <t>シュルイ</t>
    </rPh>
    <rPh sb="15" eb="16">
      <t>リョウ</t>
    </rPh>
    <rPh sb="17" eb="19">
      <t>ミコ</t>
    </rPh>
    <rPh sb="20" eb="21">
      <t>オヨ</t>
    </rPh>
    <rPh sb="24" eb="26">
      <t>ハッセイ</t>
    </rPh>
    <rPh sb="27" eb="29">
      <t>ミコ</t>
    </rPh>
    <rPh sb="32" eb="35">
      <t>ケンチクブツ</t>
    </rPh>
    <rPh sb="36" eb="38">
      <t>ブブン</t>
    </rPh>
    <phoneticPr fontId="2"/>
  </si>
  <si>
    <t>廃棄物発生見込量</t>
    <rPh sb="0" eb="3">
      <t>ハイキブツ</t>
    </rPh>
    <rPh sb="3" eb="5">
      <t>ハッセイ</t>
    </rPh>
    <rPh sb="5" eb="7">
      <t>ミコ</t>
    </rPh>
    <rPh sb="7" eb="8">
      <t>リョウ</t>
    </rPh>
    <phoneticPr fontId="2"/>
  </si>
  <si>
    <t>　　　　　　　　　　　　　　トン</t>
    <phoneticPr fontId="2"/>
  </si>
  <si>
    <t>建築物に用いられた建設資材の量の見込み</t>
    <rPh sb="0" eb="3">
      <t>ケンチクブツ</t>
    </rPh>
    <rPh sb="4" eb="5">
      <t>モチ</t>
    </rPh>
    <rPh sb="9" eb="11">
      <t>ケンセツ</t>
    </rPh>
    <rPh sb="11" eb="13">
      <t>シザイ</t>
    </rPh>
    <rPh sb="14" eb="15">
      <t>リョウ</t>
    </rPh>
    <rPh sb="16" eb="18">
      <t>ミコ</t>
    </rPh>
    <phoneticPr fontId="2"/>
  </si>
  <si>
    <t>不可の場合の理由（　　　　　　　　　　　　　　　　　　　）</t>
    <rPh sb="0" eb="2">
      <t>フカ</t>
    </rPh>
    <rPh sb="3" eb="5">
      <t>バアイ</t>
    </rPh>
    <rPh sb="6" eb="8">
      <t>リユウ</t>
    </rPh>
    <phoneticPr fontId="2"/>
  </si>
  <si>
    <t>□可　□不可</t>
    <rPh sb="1" eb="2">
      <t>カ</t>
    </rPh>
    <rPh sb="4" eb="6">
      <t>フカ</t>
    </rPh>
    <phoneticPr fontId="2"/>
  </si>
  <si>
    <t>①の工程における木材の分別に支障となる建設資材の事前の取り外し</t>
    <rPh sb="2" eb="4">
      <t>コウテイ</t>
    </rPh>
    <rPh sb="8" eb="10">
      <t>モクザイ</t>
    </rPh>
    <rPh sb="11" eb="13">
      <t>ブンベツ</t>
    </rPh>
    <rPh sb="14" eb="16">
      <t>シショウ</t>
    </rPh>
    <rPh sb="19" eb="21">
      <t>ケンセツ</t>
    </rPh>
    <rPh sb="21" eb="23">
      <t>シザイ</t>
    </rPh>
    <rPh sb="24" eb="26">
      <t>ジゼン</t>
    </rPh>
    <rPh sb="27" eb="28">
      <t>ト</t>
    </rPh>
    <rPh sb="29" eb="30">
      <t>ハズ</t>
    </rPh>
    <phoneticPr fontId="2"/>
  </si>
  <si>
    <t>□内装材に木材が含まれる場合</t>
    <rPh sb="1" eb="4">
      <t>ナイソウザイ</t>
    </rPh>
    <rPh sb="5" eb="7">
      <t>モクザイ</t>
    </rPh>
    <rPh sb="8" eb="9">
      <t>フク</t>
    </rPh>
    <rPh sb="12" eb="14">
      <t>バアイ</t>
    </rPh>
    <phoneticPr fontId="2"/>
  </si>
  <si>
    <t>その他の場合の理由（　　　　　　　　　　          　　）</t>
    <rPh sb="2" eb="3">
      <t>タ</t>
    </rPh>
    <rPh sb="4" eb="6">
      <t>バアイ</t>
    </rPh>
    <rPh sb="7" eb="9">
      <t>リユウ</t>
    </rPh>
    <phoneticPr fontId="2"/>
  </si>
  <si>
    <t>□その他（　　　　　　　          　　　　　　　　　　）</t>
    <rPh sb="3" eb="4">
      <t>タ</t>
    </rPh>
    <phoneticPr fontId="2"/>
  </si>
  <si>
    <t>□上の工程における①→②→③→④の順序</t>
    <rPh sb="1" eb="2">
      <t>ウエ</t>
    </rPh>
    <rPh sb="3" eb="5">
      <t>コウテイ</t>
    </rPh>
    <rPh sb="17" eb="19">
      <t>ジュンジョ</t>
    </rPh>
    <phoneticPr fontId="2"/>
  </si>
  <si>
    <t>工事の工程の順序</t>
    <rPh sb="0" eb="2">
      <t>コウジ</t>
    </rPh>
    <rPh sb="3" eb="5">
      <t>コウテイ</t>
    </rPh>
    <rPh sb="6" eb="8">
      <t>ジュンジョ</t>
    </rPh>
    <phoneticPr fontId="2"/>
  </si>
  <si>
    <t>□　手作業・機械作業の併用</t>
    <rPh sb="2" eb="3">
      <t>テ</t>
    </rPh>
    <rPh sb="3" eb="5">
      <t>サギョウ</t>
    </rPh>
    <rPh sb="6" eb="8">
      <t>キカイ</t>
    </rPh>
    <rPh sb="8" eb="10">
      <t>サギョウ</t>
    </rPh>
    <rPh sb="11" eb="13">
      <t>ヘイヨウ</t>
    </rPh>
    <phoneticPr fontId="2"/>
  </si>
  <si>
    <t>□　手作業</t>
    <rPh sb="2" eb="5">
      <t>テサギョウ</t>
    </rPh>
    <phoneticPr fontId="2"/>
  </si>
  <si>
    <t>その他の取り壊し　
□有　□無</t>
    <rPh sb="2" eb="3">
      <t>タ</t>
    </rPh>
    <rPh sb="4" eb="5">
      <t>ト</t>
    </rPh>
    <rPh sb="6" eb="7">
      <t>コワ</t>
    </rPh>
    <rPh sb="11" eb="12">
      <t>ウ</t>
    </rPh>
    <rPh sb="14" eb="15">
      <t>ム</t>
    </rPh>
    <phoneticPr fontId="2"/>
  </si>
  <si>
    <t>⑤その他
（　　　　　）</t>
    <rPh sb="3" eb="4">
      <t>タ</t>
    </rPh>
    <phoneticPr fontId="2"/>
  </si>
  <si>
    <t>基礎・基礎ぐいの取り壊し　
□有　□無</t>
    <rPh sb="0" eb="2">
      <t>キソ</t>
    </rPh>
    <rPh sb="3" eb="5">
      <t>キソ</t>
    </rPh>
    <rPh sb="8" eb="9">
      <t>ト</t>
    </rPh>
    <rPh sb="10" eb="11">
      <t>コワ</t>
    </rPh>
    <rPh sb="15" eb="16">
      <t>ア</t>
    </rPh>
    <rPh sb="18" eb="19">
      <t>ナ</t>
    </rPh>
    <phoneticPr fontId="2"/>
  </si>
  <si>
    <t>④基礎・基礎ぐい</t>
    <rPh sb="1" eb="3">
      <t>キソ</t>
    </rPh>
    <rPh sb="4" eb="6">
      <t>キソ</t>
    </rPh>
    <phoneticPr fontId="2"/>
  </si>
  <si>
    <t>□有　□無</t>
    <rPh sb="1" eb="2">
      <t>ア</t>
    </rPh>
    <rPh sb="4" eb="5">
      <t>ナ</t>
    </rPh>
    <phoneticPr fontId="2"/>
  </si>
  <si>
    <t>外装材・上部構造部分の取り壊し</t>
    <rPh sb="0" eb="3">
      <t>ガイソウザイ</t>
    </rPh>
    <rPh sb="4" eb="6">
      <t>ジョウブ</t>
    </rPh>
    <rPh sb="6" eb="8">
      <t>コウゾウ</t>
    </rPh>
    <rPh sb="8" eb="10">
      <t>ブブン</t>
    </rPh>
    <rPh sb="11" eb="12">
      <t>ト</t>
    </rPh>
    <rPh sb="13" eb="14">
      <t>コワ</t>
    </rPh>
    <phoneticPr fontId="2"/>
  </si>
  <si>
    <t>③外装材・上部構造部分</t>
    <rPh sb="1" eb="4">
      <t>ガイソウザイ</t>
    </rPh>
    <rPh sb="5" eb="7">
      <t>ジョウブ</t>
    </rPh>
    <rPh sb="7" eb="9">
      <t>コウゾウ</t>
    </rPh>
    <rPh sb="9" eb="11">
      <t>ブブン</t>
    </rPh>
    <phoneticPr fontId="2"/>
  </si>
  <si>
    <t>併用の場合の理由（　　　　　）</t>
    <rPh sb="0" eb="2">
      <t>ヘイヨウ</t>
    </rPh>
    <rPh sb="3" eb="5">
      <t>バアイ</t>
    </rPh>
    <rPh sb="6" eb="8">
      <t>リユウ</t>
    </rPh>
    <phoneticPr fontId="2"/>
  </si>
  <si>
    <t xml:space="preserve">屋根ふき材の取り外し　
□有　□無
</t>
    <rPh sb="0" eb="2">
      <t>ヤネ</t>
    </rPh>
    <rPh sb="4" eb="5">
      <t>ザイ</t>
    </rPh>
    <rPh sb="6" eb="7">
      <t>ト</t>
    </rPh>
    <rPh sb="8" eb="9">
      <t>ハズ</t>
    </rPh>
    <rPh sb="13" eb="14">
      <t>ア</t>
    </rPh>
    <rPh sb="16" eb="17">
      <t>ナ</t>
    </rPh>
    <phoneticPr fontId="2"/>
  </si>
  <si>
    <t>②屋根ふき材</t>
    <rPh sb="1" eb="3">
      <t>ヤネ</t>
    </rPh>
    <rPh sb="5" eb="6">
      <t>ザイ</t>
    </rPh>
    <phoneticPr fontId="2"/>
  </si>
  <si>
    <t xml:space="preserve">建築設備･内装材等の取り外し
□有　□無
</t>
    <rPh sb="0" eb="2">
      <t>ケンチク</t>
    </rPh>
    <rPh sb="2" eb="4">
      <t>セツビ</t>
    </rPh>
    <rPh sb="5" eb="8">
      <t>ナイソウザイ</t>
    </rPh>
    <rPh sb="8" eb="9">
      <t>トウ</t>
    </rPh>
    <rPh sb="10" eb="11">
      <t>ト</t>
    </rPh>
    <rPh sb="12" eb="13">
      <t>ハズ</t>
    </rPh>
    <rPh sb="16" eb="17">
      <t>ア</t>
    </rPh>
    <rPh sb="19" eb="20">
      <t>ナ</t>
    </rPh>
    <phoneticPr fontId="2"/>
  </si>
  <si>
    <t>①建築設備・内装材等</t>
    <rPh sb="1" eb="3">
      <t>ケンチク</t>
    </rPh>
    <rPh sb="3" eb="5">
      <t>セツビ</t>
    </rPh>
    <rPh sb="6" eb="8">
      <t>ナイソウ</t>
    </rPh>
    <rPh sb="8" eb="10">
      <t>ザイトウ</t>
    </rPh>
    <phoneticPr fontId="2"/>
  </si>
  <si>
    <t>分別解体等の方法</t>
    <rPh sb="0" eb="2">
      <t>ブンベツ</t>
    </rPh>
    <rPh sb="2" eb="5">
      <t>カイタイトウ</t>
    </rPh>
    <rPh sb="6" eb="8">
      <t>ホウホウ</t>
    </rPh>
    <phoneticPr fontId="2"/>
  </si>
  <si>
    <t>作業内容</t>
    <rPh sb="0" eb="2">
      <t>サギョウ</t>
    </rPh>
    <rPh sb="2" eb="4">
      <t>ナイヨウ</t>
    </rPh>
    <phoneticPr fontId="2"/>
  </si>
  <si>
    <t>工程</t>
    <rPh sb="0" eb="2">
      <t>コウテイ</t>
    </rPh>
    <phoneticPr fontId="2"/>
  </si>
  <si>
    <t>工程ごとの作業内容及び解体方法</t>
    <rPh sb="0" eb="2">
      <t>コウテイ</t>
    </rPh>
    <rPh sb="5" eb="7">
      <t>サギョウ</t>
    </rPh>
    <rPh sb="7" eb="9">
      <t>ナイヨウ</t>
    </rPh>
    <rPh sb="9" eb="10">
      <t>オヨ</t>
    </rPh>
    <rPh sb="11" eb="13">
      <t>カイタイ</t>
    </rPh>
    <rPh sb="13" eb="15">
      <t>ホウホウ</t>
    </rPh>
    <phoneticPr fontId="2"/>
  </si>
  <si>
    <t>その他</t>
    <phoneticPr fontId="2"/>
  </si>
  <si>
    <t>□無</t>
    <rPh sb="1" eb="2">
      <t>ナ</t>
    </rPh>
    <phoneticPr fontId="2"/>
  </si>
  <si>
    <t>□有（業務用のエアコン・冷凍冷蔵機器のうちフロン類が使われているもの）</t>
    <rPh sb="1" eb="2">
      <t>ア</t>
    </rPh>
    <rPh sb="3" eb="6">
      <t>ギョウムヨウ</t>
    </rPh>
    <rPh sb="12" eb="14">
      <t>レイトウ</t>
    </rPh>
    <rPh sb="14" eb="16">
      <t>レイゾウ</t>
    </rPh>
    <rPh sb="16" eb="18">
      <t>キキ</t>
    </rPh>
    <rPh sb="24" eb="25">
      <t>ルイ</t>
    </rPh>
    <rPh sb="26" eb="27">
      <t>ツカ</t>
    </rPh>
    <phoneticPr fontId="2"/>
  </si>
  <si>
    <t>フロン（フロン排出抑制法）</t>
    <rPh sb="7" eb="9">
      <t>ハイシュツ</t>
    </rPh>
    <rPh sb="9" eb="11">
      <t>ヨクセイ</t>
    </rPh>
    <rPh sb="11" eb="12">
      <t>ホウ</t>
    </rPh>
    <phoneticPr fontId="2"/>
  </si>
  <si>
    <t>□無</t>
    <phoneticPr fontId="2"/>
  </si>
  <si>
    <t>　□　飛散性石綿（特定建設資材に吹付けられた石綿 等）
　□　飛散性石綿（鉄骨等に吹付けられた石綿、石綿を
　　　　含有する断熱材・保温材・耐火被覆材 等）
　□　石綿含有建材（石綿含有ビニル床タイル 等）
　□　石綿含有建材（スレート・カラーベスト等）
　□　その他（　　　　　　　　　　　　　　　　　　　　）</t>
    <rPh sb="9" eb="11">
      <t>トクテイ</t>
    </rPh>
    <rPh sb="11" eb="13">
      <t>ケンセツ</t>
    </rPh>
    <rPh sb="13" eb="15">
      <t>シザイ</t>
    </rPh>
    <phoneticPr fontId="2"/>
  </si>
  <si>
    <r>
      <t>□有　</t>
    </r>
    <r>
      <rPr>
        <sz val="10"/>
        <rFont val="ＪＳ明朝"/>
        <family val="1"/>
        <charset val="128"/>
      </rPr>
      <t>特定建設資材への付着（□有 □無）</t>
    </r>
    <rPh sb="3" eb="5">
      <t>トクテイ</t>
    </rPh>
    <rPh sb="5" eb="7">
      <t>ケンセツ</t>
    </rPh>
    <rPh sb="7" eb="9">
      <t>シザイ</t>
    </rPh>
    <rPh sb="11" eb="13">
      <t>フチャク</t>
    </rPh>
    <rPh sb="15" eb="16">
      <t>ア</t>
    </rPh>
    <rPh sb="18" eb="19">
      <t>ナ</t>
    </rPh>
    <phoneticPr fontId="2"/>
  </si>
  <si>
    <t>石綿（大気汚染防止法・安全衛生法石綿則）</t>
    <rPh sb="0" eb="2">
      <t>イシワタ</t>
    </rPh>
    <rPh sb="3" eb="5">
      <t>タイキ</t>
    </rPh>
    <rPh sb="5" eb="7">
      <t>オセン</t>
    </rPh>
    <rPh sb="7" eb="10">
      <t>ボウシホウ</t>
    </rPh>
    <rPh sb="11" eb="13">
      <t>アンゼン</t>
    </rPh>
    <rPh sb="13" eb="15">
      <t>エイセイ</t>
    </rPh>
    <rPh sb="15" eb="16">
      <t>ホウ</t>
    </rPh>
    <rPh sb="16" eb="18">
      <t>イシワタ</t>
    </rPh>
    <rPh sb="18" eb="19">
      <t>ソク</t>
    </rPh>
    <phoneticPr fontId="2"/>
  </si>
  <si>
    <t>他法令関係</t>
    <rPh sb="0" eb="1">
      <t>タ</t>
    </rPh>
    <rPh sb="1" eb="3">
      <t>ホウレイ</t>
    </rPh>
    <rPh sb="3" eb="5">
      <t>カンケイ</t>
    </rPh>
    <phoneticPr fontId="2"/>
  </si>
  <si>
    <t xml:space="preserve">□有　（　　　　　　　　　　　　）
</t>
    <rPh sb="1" eb="2">
      <t>ア</t>
    </rPh>
    <phoneticPr fontId="2"/>
  </si>
  <si>
    <t>特定建設資材への付着物</t>
    <phoneticPr fontId="2"/>
  </si>
  <si>
    <t>残存物品</t>
    <phoneticPr fontId="2"/>
  </si>
  <si>
    <t>その他（　　　　　　　　　）</t>
    <phoneticPr fontId="2"/>
  </si>
  <si>
    <t xml:space="preserve">通学路　□有　□無
</t>
    <phoneticPr fontId="2"/>
  </si>
  <si>
    <r>
      <t>前面道路の幅員　約</t>
    </r>
    <r>
      <rPr>
        <u/>
        <sz val="11"/>
        <rFont val="ＪＳ明朝"/>
        <family val="1"/>
        <charset val="128"/>
      </rPr>
      <t>　　　　</t>
    </r>
    <r>
      <rPr>
        <sz val="11"/>
        <rFont val="ＪＳ明朝"/>
        <family val="1"/>
        <charset val="128"/>
      </rPr>
      <t xml:space="preserve">ｍ
</t>
    </r>
    <phoneticPr fontId="2"/>
  </si>
  <si>
    <t xml:space="preserve">障害物　□有（　　　）　□無
</t>
    <rPh sb="0" eb="3">
      <t>ショウガイブツ</t>
    </rPh>
    <rPh sb="5" eb="6">
      <t>ア</t>
    </rPh>
    <rPh sb="13" eb="14">
      <t>ナ</t>
    </rPh>
    <phoneticPr fontId="2"/>
  </si>
  <si>
    <t>搬出経路</t>
    <phoneticPr fontId="2"/>
  </si>
  <si>
    <t xml:space="preserve">作業場所　□十分　□不十分
</t>
    <rPh sb="0" eb="2">
      <t>サギョウ</t>
    </rPh>
    <rPh sb="2" eb="4">
      <t>バショ</t>
    </rPh>
    <rPh sb="6" eb="8">
      <t>ジュウブン</t>
    </rPh>
    <rPh sb="10" eb="13">
      <t>フジュウブン</t>
    </rPh>
    <phoneticPr fontId="2"/>
  </si>
  <si>
    <t>作業場所</t>
    <phoneticPr fontId="2"/>
  </si>
  <si>
    <t>工事着手前に実施する措置の内容</t>
    <rPh sb="0" eb="2">
      <t>コウジ</t>
    </rPh>
    <rPh sb="2" eb="4">
      <t>チャクシュ</t>
    </rPh>
    <rPh sb="4" eb="5">
      <t>マエ</t>
    </rPh>
    <rPh sb="6" eb="8">
      <t>ジッシ</t>
    </rPh>
    <rPh sb="10" eb="12">
      <t>ソチ</t>
    </rPh>
    <rPh sb="13" eb="15">
      <t>ナイヨウ</t>
    </rPh>
    <phoneticPr fontId="2"/>
  </si>
  <si>
    <t>建築物に関する調査の結果</t>
    <rPh sb="0" eb="3">
      <t>ケンチクブツ</t>
    </rPh>
    <rPh sb="4" eb="5">
      <t>カン</t>
    </rPh>
    <rPh sb="7" eb="9">
      <t>チョウサ</t>
    </rPh>
    <rPh sb="10" eb="12">
      <t>ケッカ</t>
    </rPh>
    <phoneticPr fontId="2"/>
  </si>
  <si>
    <t>建築物に関する調査の結果及び工事着手前に実施する措置の内容</t>
    <rPh sb="0" eb="3">
      <t>ケンチクブツ</t>
    </rPh>
    <rPh sb="4" eb="5">
      <t>カン</t>
    </rPh>
    <rPh sb="7" eb="9">
      <t>チョウサ</t>
    </rPh>
    <rPh sb="10" eb="12">
      <t>ケッカ</t>
    </rPh>
    <rPh sb="12" eb="13">
      <t>オヨ</t>
    </rPh>
    <rPh sb="14" eb="16">
      <t>コウジ</t>
    </rPh>
    <rPh sb="16" eb="19">
      <t>チャクシュマエ</t>
    </rPh>
    <rPh sb="20" eb="22">
      <t>ジッシ</t>
    </rPh>
    <rPh sb="24" eb="26">
      <t>ソチ</t>
    </rPh>
    <rPh sb="27" eb="29">
      <t>ナイヨウ</t>
    </rPh>
    <phoneticPr fontId="2"/>
  </si>
  <si>
    <t>その他（　　　　　　　　　　　　　　　　　　　　　　　　　　　）</t>
    <phoneticPr fontId="2"/>
  </si>
  <si>
    <r>
      <t>敷地境界との最短距離　約</t>
    </r>
    <r>
      <rPr>
        <u/>
        <sz val="11"/>
        <rFont val="ＪＳ明朝"/>
        <family val="1"/>
        <charset val="128"/>
      </rPr>
      <t>　　　　　</t>
    </r>
    <r>
      <rPr>
        <sz val="11"/>
        <rFont val="ＪＳ明朝"/>
        <family val="1"/>
        <charset val="128"/>
      </rPr>
      <t xml:space="preserve">ｍ
</t>
    </r>
    <phoneticPr fontId="2"/>
  </si>
  <si>
    <t>周辺にある施設　□住宅　□商業施設　□学校　□病院　□その他（　　　　　　　　　）
　　　　　　　　</t>
    <rPh sb="0" eb="2">
      <t>シュウヘン</t>
    </rPh>
    <rPh sb="5" eb="7">
      <t>シセツ</t>
    </rPh>
    <rPh sb="9" eb="11">
      <t>ジュウタク</t>
    </rPh>
    <rPh sb="13" eb="15">
      <t>ショウギョウ</t>
    </rPh>
    <rPh sb="15" eb="17">
      <t>シセツ</t>
    </rPh>
    <rPh sb="19" eb="21">
      <t>ガッコウ</t>
    </rPh>
    <phoneticPr fontId="2"/>
  </si>
  <si>
    <t>周辺状況</t>
    <phoneticPr fontId="2"/>
  </si>
  <si>
    <r>
      <t>築年数</t>
    </r>
    <r>
      <rPr>
        <u/>
        <sz val="11"/>
        <rFont val="ＪＳ明朝"/>
        <family val="1"/>
        <charset val="128"/>
      </rPr>
      <t>　　　　</t>
    </r>
    <r>
      <rPr>
        <sz val="11"/>
        <rFont val="ＪＳ明朝"/>
        <family val="1"/>
        <charset val="128"/>
      </rPr>
      <t>年、棟数</t>
    </r>
    <r>
      <rPr>
        <u/>
        <sz val="11"/>
        <rFont val="ＪＳ明朝"/>
        <family val="1"/>
        <charset val="128"/>
      </rPr>
      <t>　　　　</t>
    </r>
    <r>
      <rPr>
        <sz val="11"/>
        <rFont val="ＪＳ明朝"/>
        <family val="1"/>
        <charset val="128"/>
      </rPr>
      <t xml:space="preserve">棟
</t>
    </r>
    <rPh sb="0" eb="3">
      <t>チクネンスウ</t>
    </rPh>
    <rPh sb="7" eb="8">
      <t>ネン</t>
    </rPh>
    <rPh sb="9" eb="10">
      <t>ムネ</t>
    </rPh>
    <rPh sb="10" eb="11">
      <t>カズ</t>
    </rPh>
    <rPh sb="15" eb="16">
      <t>ムネ</t>
    </rPh>
    <phoneticPr fontId="2"/>
  </si>
  <si>
    <t>建築物の状況</t>
    <phoneticPr fontId="2"/>
  </si>
  <si>
    <t>□鉄骨造　□コンクリートブロック造　□その他（　　　　　　　　）</t>
    <rPh sb="1" eb="3">
      <t>テッコツ</t>
    </rPh>
    <rPh sb="3" eb="4">
      <t>ゾウ</t>
    </rPh>
    <rPh sb="16" eb="17">
      <t>ゾウ</t>
    </rPh>
    <rPh sb="21" eb="22">
      <t>タ</t>
    </rPh>
    <phoneticPr fontId="2"/>
  </si>
  <si>
    <t>□木造　□鉄骨鉄筋コンクリート造　□鉄筋コンクリート造</t>
    <rPh sb="1" eb="3">
      <t>モクゾウ</t>
    </rPh>
    <rPh sb="5" eb="7">
      <t>テッコツ</t>
    </rPh>
    <rPh sb="7" eb="9">
      <t>テッキン</t>
    </rPh>
    <rPh sb="15" eb="16">
      <t>ゾウ</t>
    </rPh>
    <rPh sb="18" eb="20">
      <t>テッキン</t>
    </rPh>
    <rPh sb="26" eb="27">
      <t>ゾウ</t>
    </rPh>
    <phoneticPr fontId="2"/>
  </si>
  <si>
    <t>建築物の構造</t>
    <rPh sb="0" eb="3">
      <t>ケンチクブツ</t>
    </rPh>
    <rPh sb="4" eb="6">
      <t>コウゾウ</t>
    </rPh>
    <phoneticPr fontId="2"/>
  </si>
  <si>
    <t>分別解体等の計画等</t>
    <rPh sb="0" eb="2">
      <t>ブンベツ</t>
    </rPh>
    <rPh sb="2" eb="5">
      <t>カイタイトウ</t>
    </rPh>
    <rPh sb="6" eb="8">
      <t>ケイカク</t>
    </rPh>
    <rPh sb="8" eb="9">
      <t>トウ</t>
    </rPh>
    <phoneticPr fontId="2"/>
  </si>
  <si>
    <t>変更箇所</t>
    <rPh sb="0" eb="2">
      <t>ヘンコウ</t>
    </rPh>
    <rPh sb="2" eb="4">
      <t>カショ</t>
    </rPh>
    <phoneticPr fontId="2"/>
  </si>
  <si>
    <t>建築物に係る解体工事</t>
    <rPh sb="0" eb="3">
      <t>ケンチクブツ</t>
    </rPh>
    <rPh sb="4" eb="5">
      <t>カカ</t>
    </rPh>
    <rPh sb="6" eb="8">
      <t>カイタイ</t>
    </rPh>
    <rPh sb="8" eb="10">
      <t>コウジ</t>
    </rPh>
    <phoneticPr fontId="2"/>
  </si>
  <si>
    <t>（Ａ４）</t>
    <phoneticPr fontId="2"/>
  </si>
  <si>
    <t>別表１</t>
    <rPh sb="0" eb="1">
      <t>ベツ</t>
    </rPh>
    <rPh sb="1" eb="2">
      <t>ヒョウ</t>
    </rPh>
    <phoneticPr fontId="2"/>
  </si>
  <si>
    <t>備考</t>
    <rPh sb="0" eb="2">
      <t>ビコウ</t>
    </rPh>
    <phoneticPr fontId="2"/>
  </si>
  <si>
    <t>（注）　①造成等　②基礎　③上部構造部分・外装　④屋根　⑤建築設備・内装等　⑥その他</t>
    <rPh sb="1" eb="2">
      <t>チュウ</t>
    </rPh>
    <rPh sb="5" eb="7">
      <t>ゾウセイ</t>
    </rPh>
    <rPh sb="7" eb="8">
      <t>トウ</t>
    </rPh>
    <rPh sb="10" eb="12">
      <t>キソ</t>
    </rPh>
    <rPh sb="14" eb="16">
      <t>ジョウブ</t>
    </rPh>
    <rPh sb="16" eb="18">
      <t>コウゾウ</t>
    </rPh>
    <rPh sb="18" eb="20">
      <t>ブブン</t>
    </rPh>
    <rPh sb="21" eb="23">
      <t>ガイソウ</t>
    </rPh>
    <rPh sb="25" eb="27">
      <t>ヤネ</t>
    </rPh>
    <rPh sb="29" eb="31">
      <t>ケンチク</t>
    </rPh>
    <rPh sb="31" eb="33">
      <t>セツビ</t>
    </rPh>
    <rPh sb="34" eb="36">
      <t>ナイソウ</t>
    </rPh>
    <rPh sb="36" eb="37">
      <t>トウ</t>
    </rPh>
    <rPh sb="41" eb="42">
      <t>タ</t>
    </rPh>
    <phoneticPr fontId="2"/>
  </si>
  <si>
    <t>□⑤　□⑥</t>
    <phoneticPr fontId="2"/>
  </si>
  <si>
    <t>□⑤　□⑥</t>
    <phoneticPr fontId="2"/>
  </si>
  <si>
    <t>□①　□②　□③　□④</t>
    <phoneticPr fontId="2"/>
  </si>
  <si>
    <t>トン</t>
    <phoneticPr fontId="2"/>
  </si>
  <si>
    <t>□</t>
    <phoneticPr fontId="2"/>
  </si>
  <si>
    <t>使用する部分又は発生が見込まれる部分（注）</t>
    <rPh sb="0" eb="2">
      <t>シヨウ</t>
    </rPh>
    <rPh sb="4" eb="6">
      <t>ブブン</t>
    </rPh>
    <rPh sb="6" eb="7">
      <t>マタ</t>
    </rPh>
    <rPh sb="8" eb="10">
      <t>ハッセイ</t>
    </rPh>
    <rPh sb="11" eb="13">
      <t>ミコ</t>
    </rPh>
    <rPh sb="16" eb="18">
      <t>ブブン</t>
    </rPh>
    <rPh sb="19" eb="20">
      <t>チュウ</t>
    </rPh>
    <phoneticPr fontId="2"/>
  </si>
  <si>
    <t>特定建設資材廃棄物の種類ごとの量の見込み並びに特定建設資材が使用される建築物の部分及び特定建設資材廃棄物の発生が見込まれる建築物の部分</t>
    <rPh sb="0" eb="2">
      <t>トクテイ</t>
    </rPh>
    <rPh sb="2" eb="4">
      <t>ケンセツ</t>
    </rPh>
    <rPh sb="4" eb="8">
      <t>シザイハイキ</t>
    </rPh>
    <rPh sb="8" eb="9">
      <t>ブツ</t>
    </rPh>
    <rPh sb="10" eb="12">
      <t>シュルイ</t>
    </rPh>
    <rPh sb="15" eb="16">
      <t>リョウ</t>
    </rPh>
    <rPh sb="17" eb="19">
      <t>ミコ</t>
    </rPh>
    <rPh sb="20" eb="21">
      <t>ナラ</t>
    </rPh>
    <rPh sb="23" eb="25">
      <t>トクテイ</t>
    </rPh>
    <rPh sb="25" eb="27">
      <t>ケンセツ</t>
    </rPh>
    <rPh sb="27" eb="29">
      <t>シザイ</t>
    </rPh>
    <rPh sb="30" eb="32">
      <t>シヨウ</t>
    </rPh>
    <rPh sb="35" eb="38">
      <t>ケンチクブツ</t>
    </rPh>
    <rPh sb="39" eb="41">
      <t>ブブン</t>
    </rPh>
    <rPh sb="41" eb="42">
      <t>オヨ</t>
    </rPh>
    <rPh sb="43" eb="45">
      <t>トクテイ</t>
    </rPh>
    <rPh sb="45" eb="47">
      <t>ケンセツ</t>
    </rPh>
    <rPh sb="47" eb="51">
      <t>シザイハイキ</t>
    </rPh>
    <rPh sb="51" eb="52">
      <t>ブツ</t>
    </rPh>
    <rPh sb="53" eb="55">
      <t>ハッセイ</t>
    </rPh>
    <rPh sb="56" eb="58">
      <t>ミコ</t>
    </rPh>
    <rPh sb="61" eb="64">
      <t>ケンチクブツ</t>
    </rPh>
    <rPh sb="65" eb="67">
      <t>ブブン</t>
    </rPh>
    <phoneticPr fontId="2"/>
  </si>
  <si>
    <t>その他の工事　□有　□無</t>
    <rPh sb="2" eb="3">
      <t>タ</t>
    </rPh>
    <rPh sb="4" eb="6">
      <t>コウジ</t>
    </rPh>
    <rPh sb="8" eb="9">
      <t>ア</t>
    </rPh>
    <rPh sb="11" eb="12">
      <t>ナ</t>
    </rPh>
    <phoneticPr fontId="2"/>
  </si>
  <si>
    <t>⑥その他
（　　　　　）</t>
    <rPh sb="3" eb="4">
      <t>タ</t>
    </rPh>
    <phoneticPr fontId="2"/>
  </si>
  <si>
    <t>建築設備・内装等の工事　□有　□無</t>
    <rPh sb="0" eb="2">
      <t>ケンチク</t>
    </rPh>
    <rPh sb="2" eb="4">
      <t>セツビ</t>
    </rPh>
    <rPh sb="5" eb="7">
      <t>ナイソウ</t>
    </rPh>
    <rPh sb="7" eb="8">
      <t>トウ</t>
    </rPh>
    <rPh sb="9" eb="11">
      <t>コウジ</t>
    </rPh>
    <rPh sb="13" eb="14">
      <t>ア</t>
    </rPh>
    <rPh sb="16" eb="17">
      <t>ナ</t>
    </rPh>
    <phoneticPr fontId="2"/>
  </si>
  <si>
    <t>⑤建築設備・内装等</t>
    <rPh sb="1" eb="3">
      <t>ケンチク</t>
    </rPh>
    <rPh sb="3" eb="5">
      <t>セツビ</t>
    </rPh>
    <rPh sb="6" eb="8">
      <t>ナイソウ</t>
    </rPh>
    <rPh sb="8" eb="9">
      <t>トウ</t>
    </rPh>
    <phoneticPr fontId="2"/>
  </si>
  <si>
    <t>屋根の工事　□有　□無</t>
    <rPh sb="0" eb="2">
      <t>ヤネ</t>
    </rPh>
    <rPh sb="3" eb="5">
      <t>コウジ</t>
    </rPh>
    <rPh sb="7" eb="8">
      <t>ア</t>
    </rPh>
    <rPh sb="10" eb="11">
      <t>ナ</t>
    </rPh>
    <phoneticPr fontId="2"/>
  </si>
  <si>
    <t>④屋根</t>
    <rPh sb="1" eb="3">
      <t>ヤネ</t>
    </rPh>
    <phoneticPr fontId="2"/>
  </si>
  <si>
    <t>上部構造部分・外装の工事　□有　□無</t>
    <rPh sb="0" eb="2">
      <t>ジョウブ</t>
    </rPh>
    <rPh sb="2" eb="4">
      <t>コウゾウ</t>
    </rPh>
    <rPh sb="4" eb="6">
      <t>ブブン</t>
    </rPh>
    <rPh sb="7" eb="9">
      <t>ガイソウ</t>
    </rPh>
    <rPh sb="10" eb="12">
      <t>コウジ</t>
    </rPh>
    <rPh sb="14" eb="15">
      <t>ユウ</t>
    </rPh>
    <rPh sb="17" eb="18">
      <t>ム</t>
    </rPh>
    <phoneticPr fontId="2"/>
  </si>
  <si>
    <t>③上部構造部分・外装</t>
    <rPh sb="1" eb="3">
      <t>ジョウブ</t>
    </rPh>
    <rPh sb="3" eb="5">
      <t>コウゾウ</t>
    </rPh>
    <rPh sb="5" eb="7">
      <t>ブブン</t>
    </rPh>
    <rPh sb="8" eb="10">
      <t>ガイソウ</t>
    </rPh>
    <phoneticPr fontId="2"/>
  </si>
  <si>
    <t>基礎・基礎ぐいの工事　□有　□無</t>
    <rPh sb="0" eb="2">
      <t>キソ</t>
    </rPh>
    <rPh sb="3" eb="5">
      <t>キソ</t>
    </rPh>
    <rPh sb="8" eb="10">
      <t>コウジ</t>
    </rPh>
    <rPh sb="12" eb="13">
      <t>ユウ</t>
    </rPh>
    <rPh sb="15" eb="16">
      <t>ム</t>
    </rPh>
    <phoneticPr fontId="2"/>
  </si>
  <si>
    <t>②基礎・基礎ぐい</t>
    <rPh sb="1" eb="3">
      <t>キソ</t>
    </rPh>
    <rPh sb="4" eb="6">
      <t>キソ</t>
    </rPh>
    <phoneticPr fontId="2"/>
  </si>
  <si>
    <t>造成等の工事　□有　□無</t>
    <rPh sb="0" eb="3">
      <t>ゾウセイナド</t>
    </rPh>
    <rPh sb="4" eb="6">
      <t>コウジ</t>
    </rPh>
    <rPh sb="8" eb="9">
      <t>ユウ</t>
    </rPh>
    <rPh sb="11" eb="12">
      <t>ム</t>
    </rPh>
    <phoneticPr fontId="2"/>
  </si>
  <si>
    <t>①造成等</t>
    <rPh sb="1" eb="3">
      <t>ゾウセイ</t>
    </rPh>
    <rPh sb="3" eb="4">
      <t>ナド</t>
    </rPh>
    <phoneticPr fontId="2"/>
  </si>
  <si>
    <t>工程ごとの作業内容</t>
    <rPh sb="0" eb="2">
      <t>コウテイ</t>
    </rPh>
    <rPh sb="5" eb="7">
      <t>サギョウ</t>
    </rPh>
    <rPh sb="7" eb="9">
      <t>ナイヨウ</t>
    </rPh>
    <phoneticPr fontId="2"/>
  </si>
  <si>
    <t>その他</t>
    <phoneticPr fontId="2"/>
  </si>
  <si>
    <t>□無</t>
    <phoneticPr fontId="2"/>
  </si>
  <si>
    <t>　□　飛散性石綿（特定建設資材に吹付けられた石綿 
        等）
　□　飛散性石綿（鉄骨等に吹付けられた石綿、石綿を
　　　　含有する断熱材・保温材・耐火被覆材 等）
　□　石綿含有建材（石綿含有ビニル床タイル 等）
　□　石綿含有建材（スレート・カラーベスト等）
　□　その他（　　　　　　　　　　　　　　　　　　　　）</t>
    <rPh sb="9" eb="11">
      <t>トクテイ</t>
    </rPh>
    <rPh sb="11" eb="13">
      <t>ケンセツ</t>
    </rPh>
    <rPh sb="13" eb="15">
      <t>シザイ</t>
    </rPh>
    <phoneticPr fontId="2"/>
  </si>
  <si>
    <t>他法令関係（修繕・模様替工事のみ）</t>
    <rPh sb="0" eb="1">
      <t>タ</t>
    </rPh>
    <rPh sb="1" eb="3">
      <t>ホウレイ</t>
    </rPh>
    <rPh sb="3" eb="5">
      <t>カンケイ</t>
    </rPh>
    <phoneticPr fontId="2"/>
  </si>
  <si>
    <t>特定建設資材への付着物（修繕・模様替工事のみ）</t>
    <rPh sb="0" eb="2">
      <t>トクテイ</t>
    </rPh>
    <rPh sb="2" eb="4">
      <t>ケンセツ</t>
    </rPh>
    <rPh sb="4" eb="6">
      <t>シザイ</t>
    </rPh>
    <rPh sb="8" eb="10">
      <t>フチャク</t>
    </rPh>
    <rPh sb="10" eb="11">
      <t>ブツ</t>
    </rPh>
    <rPh sb="12" eb="14">
      <t>シュウゼン</t>
    </rPh>
    <rPh sb="15" eb="18">
      <t>モヨウガ</t>
    </rPh>
    <rPh sb="18" eb="20">
      <t>コウジ</t>
    </rPh>
    <phoneticPr fontId="2"/>
  </si>
  <si>
    <t>その他（　　　　　　　  　）</t>
    <phoneticPr fontId="2"/>
  </si>
  <si>
    <t xml:space="preserve">通学路　□有　□無
</t>
    <phoneticPr fontId="2"/>
  </si>
  <si>
    <r>
      <t>前面道路の幅員　約</t>
    </r>
    <r>
      <rPr>
        <u/>
        <sz val="11"/>
        <rFont val="ＪＳ明朝"/>
        <family val="1"/>
        <charset val="128"/>
      </rPr>
      <t>　　　　</t>
    </r>
    <r>
      <rPr>
        <sz val="11"/>
        <rFont val="ＪＳ明朝"/>
        <family val="1"/>
        <charset val="128"/>
      </rPr>
      <t xml:space="preserve">ｍ
</t>
    </r>
    <phoneticPr fontId="2"/>
  </si>
  <si>
    <t>搬出経路</t>
    <phoneticPr fontId="2"/>
  </si>
  <si>
    <t>その他（　　　　　　    　）</t>
    <phoneticPr fontId="2"/>
  </si>
  <si>
    <t>作業場所</t>
    <phoneticPr fontId="2"/>
  </si>
  <si>
    <t>建築物に関する調査の結果及び工事着手前に実施する措置の内容</t>
    <rPh sb="0" eb="3">
      <t>ケンチクブツ</t>
    </rPh>
    <rPh sb="4" eb="5">
      <t>カン</t>
    </rPh>
    <rPh sb="7" eb="9">
      <t>チョウサ</t>
    </rPh>
    <rPh sb="10" eb="12">
      <t>ケッカ</t>
    </rPh>
    <rPh sb="12" eb="13">
      <t>オヨ</t>
    </rPh>
    <rPh sb="14" eb="16">
      <t>コウジ</t>
    </rPh>
    <rPh sb="16" eb="18">
      <t>チャクシュ</t>
    </rPh>
    <rPh sb="18" eb="19">
      <t>マエ</t>
    </rPh>
    <rPh sb="20" eb="22">
      <t>ジッシ</t>
    </rPh>
    <rPh sb="24" eb="26">
      <t>ソチ</t>
    </rPh>
    <rPh sb="27" eb="29">
      <t>ナイヨウ</t>
    </rPh>
    <phoneticPr fontId="2"/>
  </si>
  <si>
    <t>その他（　　　　　　　　　　　　　　　　　　　　　　　　　　）</t>
    <phoneticPr fontId="2"/>
  </si>
  <si>
    <r>
      <t>敷地境界との最短距離　約</t>
    </r>
    <r>
      <rPr>
        <u/>
        <sz val="11"/>
        <rFont val="ＪＳ明朝"/>
        <family val="1"/>
        <charset val="128"/>
      </rPr>
      <t>　　　　　</t>
    </r>
    <r>
      <rPr>
        <sz val="11"/>
        <rFont val="ＪＳ明朝"/>
        <family val="1"/>
        <charset val="128"/>
      </rPr>
      <t xml:space="preserve">ｍ
</t>
    </r>
    <phoneticPr fontId="2"/>
  </si>
  <si>
    <t>周辺にある施設　□住宅　□商業施設　□学校　□病院　□その他（　　　　　　　）
　　　　　　　　</t>
    <rPh sb="0" eb="2">
      <t>シュウヘン</t>
    </rPh>
    <rPh sb="5" eb="7">
      <t>シセツ</t>
    </rPh>
    <rPh sb="9" eb="11">
      <t>ジュウタク</t>
    </rPh>
    <rPh sb="13" eb="15">
      <t>ショウギョウ</t>
    </rPh>
    <rPh sb="15" eb="17">
      <t>シセツ</t>
    </rPh>
    <rPh sb="19" eb="21">
      <t>ガッコウ</t>
    </rPh>
    <phoneticPr fontId="2"/>
  </si>
  <si>
    <t>周辺状況</t>
    <phoneticPr fontId="2"/>
  </si>
  <si>
    <t>建築物の状況</t>
    <phoneticPr fontId="2"/>
  </si>
  <si>
    <t>□アスファルト・コンクリート　□木材</t>
    <rPh sb="16" eb="18">
      <t>モクザイ</t>
    </rPh>
    <phoneticPr fontId="2"/>
  </si>
  <si>
    <t>□コンクリート　□コンクリート及び鉄から成る建設資材</t>
    <rPh sb="15" eb="16">
      <t>オヨ</t>
    </rPh>
    <rPh sb="17" eb="18">
      <t>テツ</t>
    </rPh>
    <rPh sb="20" eb="21">
      <t>ナ</t>
    </rPh>
    <rPh sb="22" eb="24">
      <t>ケンセツ</t>
    </rPh>
    <rPh sb="24" eb="26">
      <t>シザイ</t>
    </rPh>
    <phoneticPr fontId="2"/>
  </si>
  <si>
    <t>使用する特定建設
資材の種類</t>
    <rPh sb="0" eb="2">
      <t>シヨウ</t>
    </rPh>
    <rPh sb="4" eb="6">
      <t>トクテイ</t>
    </rPh>
    <rPh sb="6" eb="8">
      <t>ケンセツ</t>
    </rPh>
    <rPh sb="9" eb="11">
      <t>シザイ</t>
    </rPh>
    <rPh sb="12" eb="14">
      <t>シュルイ</t>
    </rPh>
    <phoneticPr fontId="2"/>
  </si>
  <si>
    <t>建築物に係る新築工事等（新築・増築・修繕・模様替）</t>
    <rPh sb="0" eb="3">
      <t>ケンチクブツ</t>
    </rPh>
    <rPh sb="4" eb="5">
      <t>カカ</t>
    </rPh>
    <rPh sb="6" eb="8">
      <t>シンチク</t>
    </rPh>
    <rPh sb="8" eb="11">
      <t>コウジトウ</t>
    </rPh>
    <rPh sb="12" eb="14">
      <t>シンチク</t>
    </rPh>
    <rPh sb="15" eb="17">
      <t>ゾウチク</t>
    </rPh>
    <rPh sb="18" eb="20">
      <t>シュウゼン</t>
    </rPh>
    <rPh sb="21" eb="24">
      <t>モヨウガ</t>
    </rPh>
    <phoneticPr fontId="2"/>
  </si>
  <si>
    <t>（Ａ４）</t>
    <phoneticPr fontId="2"/>
  </si>
  <si>
    <t>別表２</t>
    <rPh sb="0" eb="1">
      <t>ベツ</t>
    </rPh>
    <rPh sb="1" eb="2">
      <t>ヒョウ</t>
    </rPh>
    <phoneticPr fontId="2"/>
  </si>
  <si>
    <t>備考　</t>
    <rPh sb="0" eb="2">
      <t>ビコウ</t>
    </rPh>
    <phoneticPr fontId="2"/>
  </si>
  <si>
    <t>（注）　①仮設　②土工　③基礎　④本体構造　⑤本体付属品　⑥その他</t>
    <rPh sb="1" eb="2">
      <t>チュウ</t>
    </rPh>
    <rPh sb="5" eb="7">
      <t>カセツ</t>
    </rPh>
    <rPh sb="9" eb="11">
      <t>ドコウ</t>
    </rPh>
    <rPh sb="13" eb="15">
      <t>キソ</t>
    </rPh>
    <rPh sb="17" eb="19">
      <t>ホンタイ</t>
    </rPh>
    <rPh sb="19" eb="21">
      <t>コウゾウ</t>
    </rPh>
    <rPh sb="23" eb="25">
      <t>ホンタイ</t>
    </rPh>
    <rPh sb="25" eb="28">
      <t>フゾクヒン</t>
    </rPh>
    <rPh sb="32" eb="33">
      <t>タ</t>
    </rPh>
    <phoneticPr fontId="2"/>
  </si>
  <si>
    <t>□⑤　□⑥</t>
    <phoneticPr fontId="2"/>
  </si>
  <si>
    <t>□</t>
    <phoneticPr fontId="2"/>
  </si>
  <si>
    <t>特定建設資材廃棄物の種類ごとの量の見込み（全工事）並びに特定建設資材が使用される工作物の部分（新築・維持・修繕工事のみ）及び特定建設資材廃棄物の発生が見込まれる工作物の部分（維持・修繕・解体工事のみ）</t>
    <rPh sb="0" eb="2">
      <t>トクテイ</t>
    </rPh>
    <rPh sb="2" eb="4">
      <t>ケンセツ</t>
    </rPh>
    <rPh sb="4" eb="8">
      <t>シザイハイキ</t>
    </rPh>
    <rPh sb="8" eb="9">
      <t>ブツ</t>
    </rPh>
    <rPh sb="10" eb="12">
      <t>シュルイ</t>
    </rPh>
    <rPh sb="15" eb="16">
      <t>リョウ</t>
    </rPh>
    <rPh sb="17" eb="19">
      <t>ミコ</t>
    </rPh>
    <rPh sb="21" eb="22">
      <t>ゼン</t>
    </rPh>
    <rPh sb="22" eb="24">
      <t>コウジ</t>
    </rPh>
    <rPh sb="25" eb="26">
      <t>ナラ</t>
    </rPh>
    <rPh sb="28" eb="30">
      <t>トクテイ</t>
    </rPh>
    <rPh sb="30" eb="32">
      <t>ケンセツ</t>
    </rPh>
    <rPh sb="32" eb="34">
      <t>シザイ</t>
    </rPh>
    <rPh sb="35" eb="37">
      <t>シヨウ</t>
    </rPh>
    <rPh sb="40" eb="43">
      <t>コウサクブツ</t>
    </rPh>
    <rPh sb="44" eb="46">
      <t>ブブン</t>
    </rPh>
    <rPh sb="47" eb="49">
      <t>シンチク</t>
    </rPh>
    <rPh sb="50" eb="52">
      <t>イジ</t>
    </rPh>
    <rPh sb="53" eb="55">
      <t>シュウゼン</t>
    </rPh>
    <rPh sb="55" eb="57">
      <t>コウジ</t>
    </rPh>
    <rPh sb="60" eb="61">
      <t>オヨ</t>
    </rPh>
    <rPh sb="62" eb="64">
      <t>トクテイ</t>
    </rPh>
    <rPh sb="64" eb="66">
      <t>ケンセツ</t>
    </rPh>
    <rPh sb="66" eb="70">
      <t>シザイハイキ</t>
    </rPh>
    <rPh sb="70" eb="71">
      <t>ブツ</t>
    </rPh>
    <rPh sb="72" eb="74">
      <t>ハッセイ</t>
    </rPh>
    <rPh sb="75" eb="77">
      <t>ミコ</t>
    </rPh>
    <rPh sb="80" eb="83">
      <t>コウサクブツ</t>
    </rPh>
    <rPh sb="84" eb="86">
      <t>ブブン</t>
    </rPh>
    <rPh sb="87" eb="89">
      <t>イジ</t>
    </rPh>
    <rPh sb="90" eb="92">
      <t>シュウゼン</t>
    </rPh>
    <rPh sb="93" eb="95">
      <t>カイタイ</t>
    </rPh>
    <rPh sb="95" eb="97">
      <t>コウジ</t>
    </rPh>
    <phoneticPr fontId="2"/>
  </si>
  <si>
    <t>　　　　　　　　　トン</t>
    <phoneticPr fontId="2"/>
  </si>
  <si>
    <t>工作物に用いられた建設資材の量
の見込み（解体工事のみ）</t>
    <rPh sb="0" eb="2">
      <t>コウサク</t>
    </rPh>
    <rPh sb="2" eb="3">
      <t>ブツ</t>
    </rPh>
    <rPh sb="4" eb="5">
      <t>モチ</t>
    </rPh>
    <rPh sb="9" eb="11">
      <t>ケンセツ</t>
    </rPh>
    <rPh sb="11" eb="13">
      <t>シザイ</t>
    </rPh>
    <rPh sb="14" eb="15">
      <t>リョウ</t>
    </rPh>
    <rPh sb="17" eb="19">
      <t>ミコ</t>
    </rPh>
    <rPh sb="21" eb="23">
      <t>カイタイ</t>
    </rPh>
    <rPh sb="23" eb="25">
      <t>コウジ</t>
    </rPh>
    <phoneticPr fontId="2"/>
  </si>
  <si>
    <t>その他の場合の理由（　　　          　　　　　　　　　　）</t>
    <rPh sb="2" eb="3">
      <t>タ</t>
    </rPh>
    <rPh sb="4" eb="6">
      <t>バアイ</t>
    </rPh>
    <rPh sb="7" eb="9">
      <t>リユウ</t>
    </rPh>
    <phoneticPr fontId="2"/>
  </si>
  <si>
    <t>□その他（    　　        　　　　　　　　　　　　　　　）</t>
    <rPh sb="3" eb="4">
      <t>タ</t>
    </rPh>
    <phoneticPr fontId="2"/>
  </si>
  <si>
    <t>□上の工程における⑤→④→③の順序</t>
    <rPh sb="1" eb="2">
      <t>ウエ</t>
    </rPh>
    <rPh sb="3" eb="5">
      <t>コウテイ</t>
    </rPh>
    <rPh sb="15" eb="17">
      <t>ジュンジョ</t>
    </rPh>
    <phoneticPr fontId="2"/>
  </si>
  <si>
    <t>工事の工程の順序
（解体工事のみ）</t>
    <rPh sb="0" eb="2">
      <t>コウジ</t>
    </rPh>
    <rPh sb="3" eb="5">
      <t>コウテイ</t>
    </rPh>
    <rPh sb="6" eb="8">
      <t>ジュンジョ</t>
    </rPh>
    <rPh sb="10" eb="12">
      <t>カイタイ</t>
    </rPh>
    <rPh sb="12" eb="14">
      <t>コウジ</t>
    </rPh>
    <phoneticPr fontId="2"/>
  </si>
  <si>
    <t>□　手作業・機械作業の併用</t>
    <rPh sb="2" eb="5">
      <t>テサギョウ</t>
    </rPh>
    <rPh sb="6" eb="8">
      <t>キカイ</t>
    </rPh>
    <rPh sb="8" eb="10">
      <t>サギョウ</t>
    </rPh>
    <rPh sb="11" eb="13">
      <t>ヘイヨウ</t>
    </rPh>
    <phoneticPr fontId="2"/>
  </si>
  <si>
    <t>本体付属品の工事　□有　□無</t>
    <rPh sb="0" eb="2">
      <t>ホンタイ</t>
    </rPh>
    <rPh sb="2" eb="5">
      <t>フゾクヒン</t>
    </rPh>
    <rPh sb="6" eb="8">
      <t>コウジ</t>
    </rPh>
    <rPh sb="10" eb="11">
      <t>ア</t>
    </rPh>
    <rPh sb="13" eb="14">
      <t>ナ</t>
    </rPh>
    <phoneticPr fontId="2"/>
  </si>
  <si>
    <t>⑤本体付属品</t>
    <rPh sb="1" eb="3">
      <t>ホンタイ</t>
    </rPh>
    <rPh sb="3" eb="6">
      <t>フゾクヒン</t>
    </rPh>
    <phoneticPr fontId="2"/>
  </si>
  <si>
    <t>本体構造の工事　□有　□無</t>
    <rPh sb="0" eb="2">
      <t>ホンタイ</t>
    </rPh>
    <rPh sb="2" eb="4">
      <t>コウゾウ</t>
    </rPh>
    <rPh sb="5" eb="7">
      <t>コウジ</t>
    </rPh>
    <rPh sb="9" eb="10">
      <t>ユウ</t>
    </rPh>
    <rPh sb="12" eb="13">
      <t>ム</t>
    </rPh>
    <phoneticPr fontId="2"/>
  </si>
  <si>
    <t>④本体構造</t>
    <rPh sb="1" eb="3">
      <t>ホンタイ</t>
    </rPh>
    <rPh sb="3" eb="5">
      <t>コウゾウ</t>
    </rPh>
    <phoneticPr fontId="2"/>
  </si>
  <si>
    <t>基礎工事　□有　□無</t>
    <rPh sb="0" eb="2">
      <t>キソ</t>
    </rPh>
    <rPh sb="2" eb="4">
      <t>コウジ</t>
    </rPh>
    <rPh sb="6" eb="7">
      <t>ユウ</t>
    </rPh>
    <rPh sb="9" eb="10">
      <t>ム</t>
    </rPh>
    <phoneticPr fontId="2"/>
  </si>
  <si>
    <t>③基礎</t>
    <rPh sb="1" eb="3">
      <t>キソ</t>
    </rPh>
    <phoneticPr fontId="2"/>
  </si>
  <si>
    <t>土工事　□有　□無</t>
    <rPh sb="0" eb="1">
      <t>ツチ</t>
    </rPh>
    <rPh sb="1" eb="3">
      <t>コウジ</t>
    </rPh>
    <rPh sb="5" eb="6">
      <t>ユウ</t>
    </rPh>
    <rPh sb="8" eb="9">
      <t>ム</t>
    </rPh>
    <phoneticPr fontId="2"/>
  </si>
  <si>
    <t>②土工</t>
    <rPh sb="1" eb="3">
      <t>ドコウ</t>
    </rPh>
    <phoneticPr fontId="2"/>
  </si>
  <si>
    <t>仮設工事　□有　□無</t>
    <rPh sb="0" eb="2">
      <t>カセツ</t>
    </rPh>
    <rPh sb="2" eb="4">
      <t>コウジ</t>
    </rPh>
    <rPh sb="6" eb="7">
      <t>ユウ</t>
    </rPh>
    <rPh sb="9" eb="10">
      <t>ム</t>
    </rPh>
    <phoneticPr fontId="2"/>
  </si>
  <si>
    <t>①仮設</t>
    <rPh sb="1" eb="3">
      <t>カセツ</t>
    </rPh>
    <phoneticPr fontId="2"/>
  </si>
  <si>
    <t>分別解体等の方法
（解体工事のみ）</t>
    <rPh sb="0" eb="2">
      <t>ブンベツ</t>
    </rPh>
    <rPh sb="2" eb="5">
      <t>カイタイトウ</t>
    </rPh>
    <rPh sb="6" eb="8">
      <t>ホウホウ</t>
    </rPh>
    <rPh sb="10" eb="12">
      <t>カイタイ</t>
    </rPh>
    <rPh sb="12" eb="14">
      <t>コウジ</t>
    </rPh>
    <phoneticPr fontId="2"/>
  </si>
  <si>
    <t>□</t>
  </si>
  <si>
    <r>
      <t>他法令関係</t>
    </r>
    <r>
      <rPr>
        <sz val="10"/>
        <rFont val="ＪＳ明朝"/>
        <family val="1"/>
        <charset val="128"/>
      </rPr>
      <t>（解体・維持・修繕工事のみ）</t>
    </r>
    <rPh sb="0" eb="1">
      <t>タ</t>
    </rPh>
    <rPh sb="1" eb="3">
      <t>ホウレイ</t>
    </rPh>
    <rPh sb="3" eb="5">
      <t>カンケイ</t>
    </rPh>
    <rPh sb="6" eb="8">
      <t>カイタイ</t>
    </rPh>
    <rPh sb="9" eb="11">
      <t>イジ</t>
    </rPh>
    <phoneticPr fontId="2"/>
  </si>
  <si>
    <t>特定建設資材への付着物（解体・維持・修繕工事のみ）</t>
    <phoneticPr fontId="2"/>
  </si>
  <si>
    <t>その他（　　　　　　　　　）</t>
    <phoneticPr fontId="2"/>
  </si>
  <si>
    <t>作業場所</t>
    <rPh sb="0" eb="2">
      <t>サギョウ</t>
    </rPh>
    <rPh sb="2" eb="4">
      <t>バショ</t>
    </rPh>
    <phoneticPr fontId="2"/>
  </si>
  <si>
    <t>工作物に関する調査の結果</t>
    <rPh sb="0" eb="3">
      <t>コウサクブツ</t>
    </rPh>
    <rPh sb="4" eb="5">
      <t>カン</t>
    </rPh>
    <rPh sb="7" eb="9">
      <t>チョウサ</t>
    </rPh>
    <rPh sb="10" eb="12">
      <t>ケッカ</t>
    </rPh>
    <phoneticPr fontId="2"/>
  </si>
  <si>
    <t>工作物に関する調査の結果及び工事着手前に実施する措置の内容</t>
    <rPh sb="0" eb="3">
      <t>コウサクブツ</t>
    </rPh>
    <rPh sb="4" eb="5">
      <t>セキ</t>
    </rPh>
    <rPh sb="7" eb="9">
      <t>チョウサ</t>
    </rPh>
    <rPh sb="10" eb="12">
      <t>ケッカ</t>
    </rPh>
    <rPh sb="12" eb="13">
      <t>オヨ</t>
    </rPh>
    <rPh sb="14" eb="16">
      <t>コウジ</t>
    </rPh>
    <rPh sb="16" eb="18">
      <t>チャクシュ</t>
    </rPh>
    <rPh sb="18" eb="19">
      <t>マエ</t>
    </rPh>
    <rPh sb="20" eb="22">
      <t>ジッシ</t>
    </rPh>
    <rPh sb="24" eb="26">
      <t>ソチ</t>
    </rPh>
    <rPh sb="27" eb="29">
      <t>ナイヨウ</t>
    </rPh>
    <phoneticPr fontId="2"/>
  </si>
  <si>
    <t>その他（　　　　　　　　　　　　　　　　　　　　　　　　　）</t>
    <phoneticPr fontId="2"/>
  </si>
  <si>
    <t>周辺状況</t>
    <rPh sb="0" eb="2">
      <t>シュウヘン</t>
    </rPh>
    <rPh sb="2" eb="4">
      <t>ジョウキョウ</t>
    </rPh>
    <phoneticPr fontId="2"/>
  </si>
  <si>
    <r>
      <t>築年数</t>
    </r>
    <r>
      <rPr>
        <u/>
        <sz val="11"/>
        <rFont val="ＪＳ明朝"/>
        <family val="1"/>
        <charset val="128"/>
      </rPr>
      <t>　　　　</t>
    </r>
    <r>
      <rPr>
        <sz val="11"/>
        <rFont val="ＪＳ明朝"/>
        <family val="1"/>
        <charset val="128"/>
      </rPr>
      <t>年</t>
    </r>
    <r>
      <rPr>
        <sz val="11"/>
        <rFont val="ＪＳ明朝"/>
        <family val="1"/>
        <charset val="128"/>
      </rPr>
      <t xml:space="preserve">
</t>
    </r>
    <rPh sb="0" eb="3">
      <t>チクネンスウ</t>
    </rPh>
    <rPh sb="7" eb="8">
      <t>ネン</t>
    </rPh>
    <phoneticPr fontId="2"/>
  </si>
  <si>
    <t>工作物の状況</t>
    <phoneticPr fontId="2"/>
  </si>
  <si>
    <t>使用する特定建設資材の種類
(新築･維持･修繕工事のみ）</t>
    <rPh sb="0" eb="2">
      <t>シヨウ</t>
    </rPh>
    <rPh sb="4" eb="6">
      <t>トクテイ</t>
    </rPh>
    <rPh sb="6" eb="8">
      <t>ケンセツ</t>
    </rPh>
    <rPh sb="8" eb="10">
      <t>シザイ</t>
    </rPh>
    <rPh sb="11" eb="13">
      <t>シュルイ</t>
    </rPh>
    <rPh sb="15" eb="17">
      <t>シンチク</t>
    </rPh>
    <rPh sb="18" eb="20">
      <t>イジ</t>
    </rPh>
    <rPh sb="21" eb="23">
      <t>シュウゼン</t>
    </rPh>
    <rPh sb="23" eb="25">
      <t>コウジ</t>
    </rPh>
    <phoneticPr fontId="2"/>
  </si>
  <si>
    <t>□その他（　　　　　　　　　　　　　　　　　　　　　　　　）</t>
    <rPh sb="3" eb="4">
      <t>タ</t>
    </rPh>
    <phoneticPr fontId="2"/>
  </si>
  <si>
    <t>□電気　□水道　□ガス　□下水道　□鉄道　□電話</t>
    <rPh sb="1" eb="3">
      <t>デンキ</t>
    </rPh>
    <rPh sb="5" eb="7">
      <t>スイドウ</t>
    </rPh>
    <rPh sb="13" eb="16">
      <t>ゲスイドウ</t>
    </rPh>
    <rPh sb="18" eb="20">
      <t>テツドウ</t>
    </rPh>
    <rPh sb="22" eb="24">
      <t>デンワ</t>
    </rPh>
    <phoneticPr fontId="2"/>
  </si>
  <si>
    <t>□新築工事　□維持・修繕工事　□解体工事</t>
    <rPh sb="1" eb="3">
      <t>シンチク</t>
    </rPh>
    <rPh sb="3" eb="5">
      <t>コウジ</t>
    </rPh>
    <rPh sb="7" eb="9">
      <t>イジ</t>
    </rPh>
    <rPh sb="10" eb="12">
      <t>シュウゼン</t>
    </rPh>
    <rPh sb="12" eb="14">
      <t>コウジ</t>
    </rPh>
    <rPh sb="16" eb="18">
      <t>カイタイ</t>
    </rPh>
    <rPh sb="18" eb="20">
      <t>コウジ</t>
    </rPh>
    <phoneticPr fontId="2"/>
  </si>
  <si>
    <t>工事の種類</t>
    <rPh sb="0" eb="2">
      <t>コウジ</t>
    </rPh>
    <rPh sb="3" eb="5">
      <t>シュルイ</t>
    </rPh>
    <phoneticPr fontId="2"/>
  </si>
  <si>
    <t>□鉄筋コンクリート造　□その他（　　　　　　　　　　　　　）</t>
    <rPh sb="1" eb="3">
      <t>テッキン</t>
    </rPh>
    <rPh sb="9" eb="10">
      <t>ゾウ</t>
    </rPh>
    <rPh sb="14" eb="15">
      <t>タ</t>
    </rPh>
    <phoneticPr fontId="2"/>
  </si>
  <si>
    <t>工作物の構造
（解体工事のみ）</t>
    <rPh sb="0" eb="3">
      <t>コウサクブツ</t>
    </rPh>
    <rPh sb="4" eb="6">
      <t>コウゾウ</t>
    </rPh>
    <rPh sb="8" eb="10">
      <t>カイタイ</t>
    </rPh>
    <rPh sb="10" eb="12">
      <t>コウジ</t>
    </rPh>
    <phoneticPr fontId="2"/>
  </si>
  <si>
    <t>分別解体等の計画等</t>
    <rPh sb="0" eb="2">
      <t>ブンベツ</t>
    </rPh>
    <rPh sb="2" eb="5">
      <t>カイタイトウ</t>
    </rPh>
    <rPh sb="6" eb="8">
      <t>ケイカク</t>
    </rPh>
    <rPh sb="8" eb="9">
      <t>ナド</t>
    </rPh>
    <phoneticPr fontId="2"/>
  </si>
  <si>
    <t>建築物以外のものに係る解体工事又は新築工事等（土木工事等）</t>
    <rPh sb="0" eb="3">
      <t>ケンチクブツ</t>
    </rPh>
    <rPh sb="3" eb="5">
      <t>イガイ</t>
    </rPh>
    <rPh sb="9" eb="10">
      <t>カカ</t>
    </rPh>
    <rPh sb="11" eb="13">
      <t>カイタイ</t>
    </rPh>
    <rPh sb="13" eb="15">
      <t>コウジ</t>
    </rPh>
    <rPh sb="15" eb="16">
      <t>マタ</t>
    </rPh>
    <rPh sb="17" eb="19">
      <t>シンチク</t>
    </rPh>
    <rPh sb="19" eb="21">
      <t>コウジ</t>
    </rPh>
    <rPh sb="21" eb="22">
      <t>ナド</t>
    </rPh>
    <rPh sb="23" eb="25">
      <t>ドボク</t>
    </rPh>
    <rPh sb="25" eb="28">
      <t>コウジトウ</t>
    </rPh>
    <phoneticPr fontId="2"/>
  </si>
  <si>
    <t>別表３</t>
    <rPh sb="0" eb="1">
      <t>ベツ</t>
    </rPh>
    <rPh sb="1" eb="2">
      <t>ヒ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font>
      <sz val="11"/>
      <name val="ＭＳ Ｐゴシック"/>
      <family val="3"/>
      <charset val="128"/>
    </font>
    <font>
      <sz val="12"/>
      <name val="ＪＳ明朝"/>
      <family val="1"/>
      <charset val="128"/>
    </font>
    <font>
      <sz val="6"/>
      <name val="ＭＳ Ｐゴシック"/>
      <family val="3"/>
      <charset val="128"/>
    </font>
    <font>
      <sz val="10"/>
      <name val="ＪＳ明朝"/>
      <family val="1"/>
      <charset val="128"/>
    </font>
    <font>
      <sz val="11"/>
      <name val="ＪＳ明朝"/>
      <family val="1"/>
      <charset val="128"/>
    </font>
    <font>
      <sz val="8"/>
      <name val="ＪＳ明朝"/>
      <family val="1"/>
      <charset val="128"/>
    </font>
    <font>
      <sz val="9"/>
      <name val="ＪＳ明朝"/>
      <family val="1"/>
      <charset val="128"/>
    </font>
    <font>
      <sz val="7"/>
      <name val="ＪＳ明朝"/>
      <family val="1"/>
      <charset val="128"/>
    </font>
    <font>
      <u/>
      <sz val="11"/>
      <name val="ＪＳ明朝"/>
      <family val="1"/>
      <charset val="128"/>
    </font>
    <font>
      <sz val="20"/>
      <name val="ＪＳ明朝"/>
      <family val="1"/>
      <charset val="128"/>
    </font>
    <font>
      <sz val="9.5"/>
      <name val="ＪＳ明朝"/>
      <family val="1"/>
      <charset val="128"/>
    </font>
    <font>
      <sz val="6"/>
      <name val="ＪＳ明朝"/>
      <family val="1"/>
      <charset val="128"/>
    </font>
  </fonts>
  <fills count="2">
    <fill>
      <patternFill patternType="none"/>
    </fill>
    <fill>
      <patternFill patternType="gray125"/>
    </fill>
  </fills>
  <borders count="72">
    <border>
      <left/>
      <right/>
      <top/>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style="medium">
        <color indexed="64"/>
      </left>
      <right style="medium">
        <color indexed="64"/>
      </right>
      <top/>
      <bottom style="medium">
        <color indexed="64"/>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style="medium">
        <color indexed="64"/>
      </left>
      <right style="medium">
        <color indexed="64"/>
      </right>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medium">
        <color indexed="64"/>
      </left>
      <right/>
      <top/>
      <bottom style="thin">
        <color indexed="64"/>
      </bottom>
      <diagonal/>
    </border>
    <border>
      <left/>
      <right style="medium">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style="medium">
        <color indexed="64"/>
      </left>
      <right/>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diagonal/>
    </border>
    <border>
      <left style="medium">
        <color indexed="64"/>
      </left>
      <right style="medium">
        <color indexed="64"/>
      </right>
      <top style="medium">
        <color indexed="64"/>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bottom/>
      <diagonal/>
    </border>
    <border>
      <left/>
      <right style="medium">
        <color indexed="64"/>
      </right>
      <top style="dotted">
        <color indexed="64"/>
      </top>
      <bottom/>
      <diagonal/>
    </border>
    <border>
      <left/>
      <right/>
      <top style="dotted">
        <color indexed="64"/>
      </top>
      <bottom/>
      <diagonal/>
    </border>
    <border>
      <left style="medium">
        <color indexed="64"/>
      </left>
      <right/>
      <top style="dotted">
        <color indexed="64"/>
      </top>
      <bottom/>
      <diagonal/>
    </border>
    <border>
      <left/>
      <right style="medium">
        <color indexed="64"/>
      </right>
      <top/>
      <bottom style="dotted">
        <color indexed="64"/>
      </bottom>
      <diagonal/>
    </border>
    <border>
      <left/>
      <right/>
      <top/>
      <bottom style="dotted">
        <color indexed="64"/>
      </bottom>
      <diagonal/>
    </border>
    <border>
      <left style="medium">
        <color indexed="64"/>
      </left>
      <right/>
      <top/>
      <bottom style="dotted">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right/>
      <top style="thin">
        <color indexed="64"/>
      </top>
      <bottom/>
      <diagonal/>
    </border>
    <border>
      <left/>
      <right style="thin">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thin">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thin">
        <color indexed="64"/>
      </left>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top style="thin">
        <color indexed="64"/>
      </top>
      <bottom/>
      <diagonal/>
    </border>
    <border>
      <left style="thin">
        <color indexed="64"/>
      </left>
      <right/>
      <top style="medium">
        <color indexed="64"/>
      </top>
      <bottom/>
      <diagonal/>
    </border>
    <border>
      <left style="medium">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style="medium">
        <color indexed="64"/>
      </top>
      <bottom style="hair">
        <color indexed="64"/>
      </bottom>
      <diagonal/>
    </border>
    <border>
      <left/>
      <right/>
      <top style="medium">
        <color indexed="64"/>
      </top>
      <bottom style="hair">
        <color indexed="64"/>
      </bottom>
      <diagonal/>
    </border>
    <border>
      <left style="medium">
        <color indexed="64"/>
      </left>
      <right/>
      <top style="medium">
        <color indexed="64"/>
      </top>
      <bottom style="hair">
        <color indexed="64"/>
      </bottom>
      <diagonal/>
    </border>
  </borders>
  <cellStyleXfs count="1">
    <xf numFmtId="0" fontId="0" fillId="0" borderId="0"/>
  </cellStyleXfs>
  <cellXfs count="336">
    <xf numFmtId="0" fontId="0" fillId="0" borderId="0" xfId="0"/>
    <xf numFmtId="0" fontId="1" fillId="0" borderId="0" xfId="0" applyFont="1"/>
    <xf numFmtId="0" fontId="3" fillId="0" borderId="0" xfId="0" applyFont="1" applyAlignment="1">
      <alignment horizontal="left"/>
    </xf>
    <xf numFmtId="0" fontId="4" fillId="0" borderId="4" xfId="0" applyFont="1" applyBorder="1" applyAlignment="1">
      <alignment horizontal="left"/>
    </xf>
    <xf numFmtId="0" fontId="4" fillId="0" borderId="0" xfId="0" applyFont="1" applyAlignment="1">
      <alignment horizontal="left"/>
    </xf>
    <xf numFmtId="0" fontId="4" fillId="0" borderId="8" xfId="0" applyFont="1" applyBorder="1" applyAlignment="1">
      <alignment horizontal="center"/>
    </xf>
    <xf numFmtId="0" fontId="4" fillId="0" borderId="8" xfId="0" applyFont="1" applyBorder="1" applyAlignment="1">
      <alignment horizontal="center" vertical="top"/>
    </xf>
    <xf numFmtId="0" fontId="4" fillId="0" borderId="29" xfId="0" applyFont="1" applyBorder="1" applyAlignment="1"/>
    <xf numFmtId="0" fontId="4" fillId="0" borderId="30" xfId="0" applyFont="1" applyBorder="1" applyAlignment="1"/>
    <xf numFmtId="0" fontId="4" fillId="0" borderId="31" xfId="0" applyFont="1" applyBorder="1" applyAlignment="1"/>
    <xf numFmtId="0" fontId="4" fillId="0" borderId="1" xfId="0" applyFont="1" applyBorder="1" applyAlignment="1">
      <alignment horizontal="left"/>
    </xf>
    <xf numFmtId="0" fontId="4" fillId="0" borderId="2" xfId="0" applyFont="1" applyBorder="1" applyAlignment="1">
      <alignment horizontal="left"/>
    </xf>
    <xf numFmtId="0" fontId="4" fillId="0" borderId="32" xfId="0" applyFont="1" applyBorder="1" applyAlignment="1">
      <alignment horizontal="left"/>
    </xf>
    <xf numFmtId="0" fontId="4" fillId="0" borderId="0" xfId="0" applyFont="1" applyBorder="1" applyAlignment="1">
      <alignment horizontal="left"/>
    </xf>
    <xf numFmtId="0" fontId="4" fillId="0" borderId="5" xfId="0" applyFont="1" applyBorder="1" applyAlignment="1">
      <alignment horizontal="left"/>
    </xf>
    <xf numFmtId="0" fontId="4" fillId="0" borderId="6" xfId="0" applyFont="1" applyBorder="1" applyAlignment="1">
      <alignment horizontal="left"/>
    </xf>
    <xf numFmtId="0" fontId="4" fillId="0" borderId="16" xfId="0" applyFont="1" applyBorder="1" applyAlignment="1"/>
    <xf numFmtId="0" fontId="4" fillId="0" borderId="44" xfId="0" applyFont="1" applyBorder="1" applyAlignment="1"/>
    <xf numFmtId="0" fontId="4" fillId="0" borderId="0" xfId="0" applyFont="1" applyBorder="1" applyAlignment="1"/>
    <xf numFmtId="0" fontId="4" fillId="0" borderId="0" xfId="0" applyFont="1" applyAlignment="1">
      <alignment horizontal="left" vertical="center"/>
    </xf>
    <xf numFmtId="0" fontId="5" fillId="0" borderId="14" xfId="0" applyFont="1" applyBorder="1" applyAlignment="1">
      <alignment horizontal="left" vertical="top" wrapText="1"/>
    </xf>
    <xf numFmtId="0" fontId="5" fillId="0" borderId="16" xfId="0" applyFont="1" applyBorder="1" applyAlignment="1">
      <alignment horizontal="left" vertical="top" wrapText="1"/>
    </xf>
    <xf numFmtId="0" fontId="4" fillId="0" borderId="13" xfId="0" applyFont="1" applyBorder="1" applyAlignment="1">
      <alignment vertical="top"/>
    </xf>
    <xf numFmtId="0" fontId="3" fillId="0" borderId="8" xfId="0" applyFont="1" applyBorder="1" applyAlignment="1">
      <alignment horizontal="center" wrapText="1"/>
    </xf>
    <xf numFmtId="0" fontId="3" fillId="0" borderId="28" xfId="0" applyFont="1" applyBorder="1" applyAlignment="1">
      <alignment horizontal="center" wrapText="1"/>
    </xf>
    <xf numFmtId="0" fontId="10" fillId="0" borderId="28" xfId="0" applyFont="1" applyBorder="1" applyAlignment="1">
      <alignment horizontal="center" vertical="center" wrapText="1"/>
    </xf>
    <xf numFmtId="0" fontId="4" fillId="0" borderId="0" xfId="0" applyFont="1"/>
    <xf numFmtId="0" fontId="1" fillId="0" borderId="0" xfId="0" applyFont="1" applyAlignment="1">
      <alignment horizontal="right"/>
    </xf>
    <xf numFmtId="0" fontId="1" fillId="0" borderId="0" xfId="0" applyFont="1" applyAlignment="1"/>
    <xf numFmtId="0" fontId="4" fillId="0" borderId="0" xfId="0" applyFont="1" applyAlignment="1">
      <alignment vertical="center"/>
    </xf>
    <xf numFmtId="0" fontId="4" fillId="0" borderId="28" xfId="0" applyFont="1" applyBorder="1" applyAlignment="1">
      <alignment horizontal="center"/>
    </xf>
    <xf numFmtId="0" fontId="3" fillId="0" borderId="67" xfId="0" applyFont="1" applyBorder="1" applyAlignment="1">
      <alignment horizontal="center" vertical="center" wrapText="1"/>
    </xf>
    <xf numFmtId="0" fontId="1" fillId="0" borderId="4" xfId="0" applyFont="1" applyBorder="1"/>
    <xf numFmtId="0" fontId="1" fillId="0" borderId="8" xfId="0" applyFont="1" applyBorder="1" applyAlignment="1">
      <alignment horizontal="center"/>
    </xf>
    <xf numFmtId="0" fontId="6" fillId="0" borderId="1" xfId="0" applyFont="1" applyBorder="1" applyAlignment="1"/>
    <xf numFmtId="0" fontId="6" fillId="0" borderId="39" xfId="0" applyFont="1" applyBorder="1" applyAlignment="1"/>
    <xf numFmtId="0" fontId="4" fillId="0" borderId="2" xfId="0" applyFont="1" applyBorder="1" applyAlignment="1"/>
    <xf numFmtId="0" fontId="4" fillId="0" borderId="44" xfId="0" applyFont="1" applyBorder="1" applyAlignment="1">
      <alignment horizontal="left"/>
    </xf>
    <xf numFmtId="0" fontId="6" fillId="0" borderId="12" xfId="0" applyFont="1" applyBorder="1" applyAlignment="1"/>
    <xf numFmtId="0" fontId="6" fillId="0" borderId="13" xfId="0" applyFont="1" applyBorder="1" applyAlignment="1"/>
    <xf numFmtId="0" fontId="4" fillId="0" borderId="16" xfId="0" applyFont="1" applyBorder="1" applyAlignment="1">
      <alignment horizontal="left"/>
    </xf>
    <xf numFmtId="0" fontId="1" fillId="0" borderId="0" xfId="0" applyFont="1" applyAlignment="1">
      <alignment vertical="top"/>
    </xf>
    <xf numFmtId="0" fontId="4" fillId="0" borderId="28" xfId="0" applyFont="1" applyBorder="1" applyAlignment="1">
      <alignment horizontal="center" vertical="top"/>
    </xf>
    <xf numFmtId="0" fontId="4" fillId="0" borderId="62" xfId="0" applyFont="1" applyBorder="1" applyAlignment="1">
      <alignment horizontal="left" vertical="top" wrapText="1"/>
    </xf>
    <xf numFmtId="0" fontId="4" fillId="0" borderId="50" xfId="0" applyFont="1" applyBorder="1" applyAlignment="1">
      <alignment horizontal="left" vertical="top" wrapText="1"/>
    </xf>
    <xf numFmtId="0" fontId="4" fillId="0" borderId="48" xfId="0" applyFont="1" applyBorder="1" applyAlignment="1">
      <alignment horizontal="left" vertical="top" wrapText="1"/>
    </xf>
    <xf numFmtId="0" fontId="4" fillId="0" borderId="15" xfId="0" applyFont="1" applyBorder="1" applyAlignment="1">
      <alignment horizontal="left" vertical="top" wrapText="1"/>
    </xf>
    <xf numFmtId="0" fontId="4" fillId="0" borderId="47" xfId="0" applyFont="1" applyBorder="1" applyAlignment="1">
      <alignment vertical="top" wrapText="1"/>
    </xf>
    <xf numFmtId="0" fontId="4" fillId="0" borderId="0" xfId="0" applyFont="1" applyBorder="1" applyAlignment="1">
      <alignment vertical="top" wrapText="1"/>
    </xf>
    <xf numFmtId="0" fontId="4" fillId="0" borderId="21" xfId="0" applyFont="1" applyBorder="1" applyAlignment="1">
      <alignment vertical="top" wrapText="1"/>
    </xf>
    <xf numFmtId="0" fontId="4" fillId="0" borderId="13" xfId="0" applyFont="1" applyBorder="1" applyAlignment="1">
      <alignment vertical="top" wrapText="1"/>
    </xf>
    <xf numFmtId="0" fontId="4" fillId="0" borderId="16" xfId="0" applyFont="1" applyBorder="1" applyAlignment="1">
      <alignment vertical="top" wrapText="1"/>
    </xf>
    <xf numFmtId="0" fontId="4" fillId="0" borderId="14" xfId="0" applyFont="1" applyBorder="1" applyAlignment="1">
      <alignment vertical="top" wrapText="1"/>
    </xf>
    <xf numFmtId="0" fontId="4" fillId="0" borderId="19" xfId="0" applyFont="1" applyBorder="1" applyAlignment="1">
      <alignment horizontal="left" vertical="top" wrapText="1"/>
    </xf>
    <xf numFmtId="0" fontId="4" fillId="0" borderId="44" xfId="0" applyFont="1" applyBorder="1" applyAlignment="1">
      <alignment horizontal="left" vertical="top" wrapText="1"/>
    </xf>
    <xf numFmtId="0" fontId="4" fillId="0" borderId="20" xfId="0" applyFont="1" applyBorder="1" applyAlignment="1">
      <alignment horizontal="left" vertical="top" wrapText="1"/>
    </xf>
    <xf numFmtId="0" fontId="4" fillId="0" borderId="61" xfId="0" applyFont="1" applyBorder="1" applyAlignment="1">
      <alignment horizontal="left" vertical="top" wrapText="1"/>
    </xf>
    <xf numFmtId="0" fontId="4" fillId="0" borderId="13" xfId="0" applyFont="1" applyBorder="1" applyAlignment="1">
      <alignment horizontal="left" vertical="top" wrapText="1"/>
    </xf>
    <xf numFmtId="0" fontId="4" fillId="0" borderId="16" xfId="0" applyFont="1" applyBorder="1" applyAlignment="1">
      <alignment horizontal="left" vertical="top" wrapText="1"/>
    </xf>
    <xf numFmtId="0" fontId="4" fillId="0" borderId="14" xfId="0" applyFont="1" applyBorder="1" applyAlignment="1">
      <alignment horizontal="left" vertical="top" wrapText="1"/>
    </xf>
    <xf numFmtId="0" fontId="6" fillId="0" borderId="51" xfId="0" applyFont="1" applyBorder="1" applyAlignment="1">
      <alignment horizontal="center" vertical="top" wrapText="1"/>
    </xf>
    <xf numFmtId="0" fontId="6" fillId="0" borderId="46" xfId="0" applyFont="1" applyBorder="1" applyAlignment="1">
      <alignment horizontal="center" vertical="top" wrapText="1"/>
    </xf>
    <xf numFmtId="0" fontId="6" fillId="0" borderId="43" xfId="0" applyFont="1" applyBorder="1" applyAlignment="1">
      <alignment horizontal="center" vertical="top" wrapText="1"/>
    </xf>
    <xf numFmtId="0" fontId="4" fillId="0" borderId="25" xfId="0" applyFont="1" applyBorder="1" applyAlignment="1">
      <alignment horizontal="center"/>
    </xf>
    <xf numFmtId="0" fontId="4" fillId="0" borderId="50" xfId="0" applyFont="1" applyBorder="1" applyAlignment="1">
      <alignment horizontal="center"/>
    </xf>
    <xf numFmtId="0" fontId="4" fillId="0" borderId="26" xfId="0" applyFont="1" applyBorder="1" applyAlignment="1">
      <alignment horizontal="center"/>
    </xf>
    <xf numFmtId="0" fontId="4" fillId="0" borderId="24" xfId="0" applyFont="1" applyBorder="1" applyAlignment="1">
      <alignment horizontal="center"/>
    </xf>
    <xf numFmtId="0" fontId="4" fillId="0" borderId="49" xfId="0" applyFont="1" applyBorder="1" applyAlignment="1">
      <alignment horizontal="center"/>
    </xf>
    <xf numFmtId="0" fontId="6" fillId="0" borderId="31" xfId="0" applyFont="1" applyBorder="1" applyAlignment="1">
      <alignment horizontal="center" vertical="top" wrapText="1"/>
    </xf>
    <xf numFmtId="0" fontId="6" fillId="0" borderId="30" xfId="0" applyFont="1" applyBorder="1" applyAlignment="1">
      <alignment horizontal="center" vertical="top" wrapText="1"/>
    </xf>
    <xf numFmtId="0" fontId="6" fillId="0" borderId="29" xfId="0" applyFont="1" applyBorder="1" applyAlignment="1">
      <alignment horizontal="center" vertical="top" wrapText="1"/>
    </xf>
    <xf numFmtId="0" fontId="4" fillId="0" borderId="7" xfId="0" applyFont="1" applyBorder="1" applyAlignment="1">
      <alignment horizontal="left" vertical="top"/>
    </xf>
    <xf numFmtId="0" fontId="4" fillId="0" borderId="6" xfId="0" applyFont="1" applyBorder="1" applyAlignment="1">
      <alignment horizontal="left" vertical="top"/>
    </xf>
    <xf numFmtId="0" fontId="4" fillId="0" borderId="5" xfId="0" applyFont="1" applyBorder="1" applyAlignment="1">
      <alignment horizontal="left" vertical="top"/>
    </xf>
    <xf numFmtId="0" fontId="4" fillId="0" borderId="3" xfId="0" applyFont="1" applyBorder="1" applyAlignment="1">
      <alignment horizontal="left" vertical="top"/>
    </xf>
    <xf numFmtId="0" fontId="4" fillId="0" borderId="2" xfId="0" applyFont="1" applyBorder="1" applyAlignment="1">
      <alignment horizontal="left" vertical="top"/>
    </xf>
    <xf numFmtId="0" fontId="4" fillId="0" borderId="1" xfId="0" applyFont="1" applyBorder="1" applyAlignment="1">
      <alignment horizontal="left" vertical="top"/>
    </xf>
    <xf numFmtId="0" fontId="4" fillId="0" borderId="15" xfId="0" applyFont="1" applyBorder="1" applyAlignment="1">
      <alignment horizontal="left" vertical="top"/>
    </xf>
    <xf numFmtId="0" fontId="4" fillId="0" borderId="19" xfId="0" applyFont="1" applyBorder="1" applyAlignment="1">
      <alignment horizontal="right"/>
    </xf>
    <xf numFmtId="0" fontId="4" fillId="0" borderId="20" xfId="0" applyFont="1" applyBorder="1" applyAlignment="1">
      <alignment horizontal="right"/>
    </xf>
    <xf numFmtId="0" fontId="4" fillId="0" borderId="13" xfId="0" applyFont="1" applyBorder="1" applyAlignment="1">
      <alignment horizontal="right"/>
    </xf>
    <xf numFmtId="0" fontId="4" fillId="0" borderId="14" xfId="0" applyFont="1" applyBorder="1" applyAlignment="1">
      <alignment horizontal="right"/>
    </xf>
    <xf numFmtId="0" fontId="4" fillId="0" borderId="19" xfId="0" applyFont="1" applyBorder="1" applyAlignment="1">
      <alignment horizontal="left"/>
    </xf>
    <xf numFmtId="0" fontId="4" fillId="0" borderId="18" xfId="0" applyFont="1" applyBorder="1" applyAlignment="1">
      <alignment horizontal="left"/>
    </xf>
    <xf numFmtId="0" fontId="4" fillId="0" borderId="13" xfId="0" applyFont="1" applyBorder="1" applyAlignment="1">
      <alignment horizontal="left"/>
    </xf>
    <xf numFmtId="0" fontId="4" fillId="0" borderId="12" xfId="0" applyFont="1" applyBorder="1" applyAlignment="1">
      <alignment horizontal="left"/>
    </xf>
    <xf numFmtId="0" fontId="4" fillId="0" borderId="7" xfId="0" applyFont="1" applyBorder="1" applyAlignment="1">
      <alignment horizontal="left" vertical="top" wrapText="1"/>
    </xf>
    <xf numFmtId="0" fontId="4" fillId="0" borderId="6" xfId="0" applyFont="1" applyBorder="1" applyAlignment="1">
      <alignment horizontal="left" vertical="top" wrapText="1"/>
    </xf>
    <xf numFmtId="0" fontId="4" fillId="0" borderId="27" xfId="0" applyFont="1" applyBorder="1" applyAlignment="1">
      <alignment horizontal="left" vertical="top" wrapText="1"/>
    </xf>
    <xf numFmtId="0" fontId="4" fillId="0" borderId="22" xfId="0" applyFont="1" applyBorder="1" applyAlignment="1">
      <alignment horizontal="left" vertical="top" wrapText="1"/>
    </xf>
    <xf numFmtId="0" fontId="4" fillId="0" borderId="0" xfId="0" applyFont="1" applyBorder="1" applyAlignment="1">
      <alignment horizontal="left" vertical="top" wrapText="1"/>
    </xf>
    <xf numFmtId="0" fontId="4" fillId="0" borderId="21" xfId="0" applyFont="1" applyBorder="1" applyAlignment="1">
      <alignment horizontal="left" vertical="top" wrapText="1"/>
    </xf>
    <xf numFmtId="0" fontId="4" fillId="0" borderId="17" xfId="0" applyFont="1" applyBorder="1" applyAlignment="1">
      <alignment horizontal="left" vertical="top" wrapText="1"/>
    </xf>
    <xf numFmtId="0" fontId="3" fillId="0" borderId="28" xfId="0" applyFont="1" applyBorder="1" applyAlignment="1">
      <alignment horizontal="center" vertical="top" wrapText="1"/>
    </xf>
    <xf numFmtId="0" fontId="3" fillId="0" borderId="8" xfId="0" applyFont="1" applyBorder="1" applyAlignment="1">
      <alignment horizontal="center" vertical="top" wrapText="1"/>
    </xf>
    <xf numFmtId="0" fontId="3" fillId="0" borderId="4" xfId="0" applyFont="1" applyBorder="1" applyAlignment="1">
      <alignment horizontal="center" vertical="top" wrapText="1"/>
    </xf>
    <xf numFmtId="0" fontId="5" fillId="0" borderId="11" xfId="0" applyFont="1" applyBorder="1" applyAlignment="1">
      <alignment horizontal="left" vertical="top"/>
    </xf>
    <xf numFmtId="0" fontId="5" fillId="0" borderId="10" xfId="0" applyFont="1" applyBorder="1" applyAlignment="1">
      <alignment horizontal="left" vertical="top"/>
    </xf>
    <xf numFmtId="0" fontId="5" fillId="0" borderId="9" xfId="0" applyFont="1" applyBorder="1" applyAlignment="1">
      <alignment horizontal="left" vertical="top"/>
    </xf>
    <xf numFmtId="0" fontId="3" fillId="0" borderId="24" xfId="0" applyFont="1" applyBorder="1" applyAlignment="1">
      <alignment horizontal="center"/>
    </xf>
    <xf numFmtId="0" fontId="3" fillId="0" borderId="23" xfId="0" applyFont="1" applyBorder="1" applyAlignment="1">
      <alignment horizontal="center"/>
    </xf>
    <xf numFmtId="0" fontId="4" fillId="0" borderId="35" xfId="0" applyFont="1" applyBorder="1" applyAlignment="1">
      <alignment horizontal="center" vertical="top"/>
    </xf>
    <xf numFmtId="0" fontId="4" fillId="0" borderId="34" xfId="0" applyFont="1" applyBorder="1" applyAlignment="1">
      <alignment horizontal="center" vertical="top"/>
    </xf>
    <xf numFmtId="0" fontId="4" fillId="0" borderId="33" xfId="0" applyFont="1" applyBorder="1" applyAlignment="1">
      <alignment horizontal="center" vertical="top"/>
    </xf>
    <xf numFmtId="0" fontId="4" fillId="0" borderId="22" xfId="0" applyFont="1" applyBorder="1" applyAlignment="1">
      <alignment horizontal="center" vertical="top"/>
    </xf>
    <xf numFmtId="0" fontId="4" fillId="0" borderId="0" xfId="0" applyFont="1" applyBorder="1" applyAlignment="1">
      <alignment horizontal="center" vertical="top"/>
    </xf>
    <xf numFmtId="0" fontId="4" fillId="0" borderId="32" xfId="0" applyFont="1" applyBorder="1" applyAlignment="1">
      <alignment horizontal="center" vertical="top"/>
    </xf>
    <xf numFmtId="0" fontId="4" fillId="0" borderId="3" xfId="0" applyFont="1" applyBorder="1" applyAlignment="1">
      <alignment horizontal="center" vertical="top"/>
    </xf>
    <xf numFmtId="0" fontId="4" fillId="0" borderId="2" xfId="0" applyFont="1" applyBorder="1" applyAlignment="1">
      <alignment horizontal="center" vertical="top"/>
    </xf>
    <xf numFmtId="0" fontId="4" fillId="0" borderId="1" xfId="0" applyFont="1" applyBorder="1" applyAlignment="1">
      <alignment horizontal="center" vertical="top"/>
    </xf>
    <xf numFmtId="0" fontId="6" fillId="0" borderId="34" xfId="0" applyFont="1" applyBorder="1" applyAlignment="1">
      <alignment horizontal="left"/>
    </xf>
    <xf numFmtId="0" fontId="3" fillId="0" borderId="34" xfId="0" applyFont="1" applyBorder="1" applyAlignment="1">
      <alignment horizontal="left"/>
    </xf>
    <xf numFmtId="0" fontId="3" fillId="0" borderId="33" xfId="0" applyFont="1" applyBorder="1" applyAlignment="1">
      <alignment horizontal="left"/>
    </xf>
    <xf numFmtId="0" fontId="4" fillId="0" borderId="0" xfId="0" applyFont="1" applyBorder="1" applyAlignment="1">
      <alignment horizontal="left"/>
    </xf>
    <xf numFmtId="0" fontId="4" fillId="0" borderId="32" xfId="0" applyFont="1" applyBorder="1" applyAlignment="1">
      <alignment horizontal="left"/>
    </xf>
    <xf numFmtId="0" fontId="4" fillId="0" borderId="7" xfId="0" applyFont="1" applyBorder="1" applyAlignment="1">
      <alignment horizontal="center" vertical="top"/>
    </xf>
    <xf numFmtId="0" fontId="4" fillId="0" borderId="6" xfId="0" applyFont="1" applyBorder="1" applyAlignment="1">
      <alignment horizontal="center" vertical="top"/>
    </xf>
    <xf numFmtId="0" fontId="4" fillId="0" borderId="5" xfId="0" applyFont="1" applyBorder="1" applyAlignment="1">
      <alignment horizontal="center" vertical="top"/>
    </xf>
    <xf numFmtId="0" fontId="4" fillId="0" borderId="38" xfId="0" applyFont="1" applyBorder="1" applyAlignment="1">
      <alignment horizontal="center" vertical="top"/>
    </xf>
    <xf numFmtId="0" fontId="4" fillId="0" borderId="37" xfId="0" applyFont="1" applyBorder="1" applyAlignment="1">
      <alignment horizontal="center" vertical="top"/>
    </xf>
    <xf numFmtId="0" fontId="4" fillId="0" borderId="36" xfId="0" applyFont="1" applyBorder="1" applyAlignment="1">
      <alignment horizontal="center" vertical="top"/>
    </xf>
    <xf numFmtId="0" fontId="4" fillId="0" borderId="6" xfId="0" applyFont="1" applyBorder="1" applyAlignment="1">
      <alignment horizontal="left"/>
    </xf>
    <xf numFmtId="0" fontId="4" fillId="0" borderId="5" xfId="0" applyFont="1" applyBorder="1" applyAlignment="1">
      <alignment horizontal="left"/>
    </xf>
    <xf numFmtId="0" fontId="4" fillId="0" borderId="2" xfId="0" applyFont="1" applyBorder="1" applyAlignment="1">
      <alignment horizontal="left"/>
    </xf>
    <xf numFmtId="0" fontId="4" fillId="0" borderId="1" xfId="0" applyFont="1" applyBorder="1" applyAlignment="1">
      <alignment horizontal="left"/>
    </xf>
    <xf numFmtId="0" fontId="4" fillId="0" borderId="37" xfId="0" applyFont="1" applyBorder="1" applyAlignment="1">
      <alignment horizontal="left"/>
    </xf>
    <xf numFmtId="0" fontId="4" fillId="0" borderId="36" xfId="0" applyFont="1" applyBorder="1" applyAlignment="1">
      <alignment horizontal="left"/>
    </xf>
    <xf numFmtId="0" fontId="4" fillId="0" borderId="45" xfId="0" applyFont="1" applyBorder="1" applyAlignment="1">
      <alignment horizontal="left" vertical="top" wrapText="1"/>
    </xf>
    <xf numFmtId="0" fontId="4" fillId="0" borderId="19" xfId="0" applyFont="1" applyBorder="1" applyAlignment="1">
      <alignment vertical="top" wrapText="1"/>
    </xf>
    <xf numFmtId="0" fontId="4" fillId="0" borderId="44" xfId="0" applyFont="1" applyBorder="1" applyAlignment="1">
      <alignment vertical="top" wrapText="1"/>
    </xf>
    <xf numFmtId="0" fontId="4" fillId="0" borderId="20" xfId="0" applyFont="1" applyBorder="1" applyAlignment="1">
      <alignment vertical="top" wrapText="1"/>
    </xf>
    <xf numFmtId="0" fontId="6" fillId="0" borderId="19" xfId="0" applyFont="1" applyBorder="1" applyAlignment="1">
      <alignment horizontal="left" vertical="top"/>
    </xf>
    <xf numFmtId="0" fontId="6" fillId="0" borderId="18" xfId="0" applyFont="1" applyBorder="1" applyAlignment="1">
      <alignment horizontal="left" vertical="top"/>
    </xf>
    <xf numFmtId="0" fontId="6" fillId="0" borderId="13" xfId="0" applyFont="1" applyBorder="1" applyAlignment="1">
      <alignment horizontal="left" vertical="top"/>
    </xf>
    <xf numFmtId="0" fontId="6" fillId="0" borderId="12" xfId="0" applyFont="1" applyBorder="1" applyAlignment="1">
      <alignment horizontal="left" vertical="top"/>
    </xf>
    <xf numFmtId="0" fontId="6" fillId="0" borderId="47" xfId="0" applyFont="1" applyBorder="1" applyAlignment="1">
      <alignment horizontal="left" vertical="top"/>
    </xf>
    <xf numFmtId="0" fontId="6" fillId="0" borderId="32" xfId="0" applyFont="1" applyBorder="1" applyAlignment="1">
      <alignment horizontal="left" vertical="top"/>
    </xf>
    <xf numFmtId="0" fontId="4" fillId="0" borderId="42" xfId="0" applyFont="1" applyBorder="1" applyAlignment="1">
      <alignment horizontal="left" vertical="top" wrapText="1"/>
    </xf>
    <xf numFmtId="0" fontId="4" fillId="0" borderId="41" xfId="0" applyFont="1" applyBorder="1" applyAlignment="1">
      <alignment horizontal="left" vertical="top" wrapText="1"/>
    </xf>
    <xf numFmtId="0" fontId="4" fillId="0" borderId="45" xfId="0" applyFont="1" applyBorder="1" applyAlignment="1">
      <alignment horizontal="left" vertical="top"/>
    </xf>
    <xf numFmtId="0" fontId="4" fillId="0" borderId="19" xfId="0" applyFont="1" applyBorder="1" applyAlignment="1">
      <alignment wrapText="1"/>
    </xf>
    <xf numFmtId="0" fontId="4" fillId="0" borderId="44" xfId="0" applyFont="1" applyBorder="1" applyAlignment="1"/>
    <xf numFmtId="0" fontId="4" fillId="0" borderId="20" xfId="0" applyFont="1" applyBorder="1" applyAlignment="1"/>
    <xf numFmtId="0" fontId="4" fillId="0" borderId="47" xfId="0" applyFont="1" applyBorder="1" applyAlignment="1"/>
    <xf numFmtId="0" fontId="4" fillId="0" borderId="0" xfId="0" applyFont="1" applyBorder="1" applyAlignment="1"/>
    <xf numFmtId="0" fontId="4" fillId="0" borderId="21" xfId="0" applyFont="1" applyBorder="1" applyAlignment="1"/>
    <xf numFmtId="0" fontId="4" fillId="0" borderId="13" xfId="0" applyFont="1" applyBorder="1" applyAlignment="1"/>
    <xf numFmtId="0" fontId="4" fillId="0" borderId="16" xfId="0" applyFont="1" applyBorder="1" applyAlignment="1"/>
    <xf numFmtId="0" fontId="4" fillId="0" borderId="14" xfId="0" applyFont="1" applyBorder="1" applyAlignment="1"/>
    <xf numFmtId="0" fontId="4" fillId="0" borderId="44" xfId="0" applyFont="1" applyBorder="1" applyAlignment="1">
      <alignment wrapText="1"/>
    </xf>
    <xf numFmtId="0" fontId="4" fillId="0" borderId="20" xfId="0" applyFont="1" applyBorder="1" applyAlignment="1">
      <alignment wrapText="1"/>
    </xf>
    <xf numFmtId="0" fontId="4" fillId="0" borderId="47" xfId="0" applyFont="1" applyBorder="1" applyAlignment="1">
      <alignment wrapText="1"/>
    </xf>
    <xf numFmtId="0" fontId="4" fillId="0" borderId="0" xfId="0" applyFont="1" applyBorder="1" applyAlignment="1">
      <alignment wrapText="1"/>
    </xf>
    <xf numFmtId="0" fontId="4" fillId="0" borderId="21" xfId="0" applyFont="1" applyBorder="1" applyAlignment="1">
      <alignment wrapText="1"/>
    </xf>
    <xf numFmtId="0" fontId="4" fillId="0" borderId="13" xfId="0" applyFont="1" applyBorder="1" applyAlignment="1">
      <alignment wrapText="1"/>
    </xf>
    <xf numFmtId="0" fontId="4" fillId="0" borderId="16" xfId="0" applyFont="1" applyBorder="1" applyAlignment="1">
      <alignment wrapText="1"/>
    </xf>
    <xf numFmtId="0" fontId="4" fillId="0" borderId="14" xfId="0" applyFont="1" applyBorder="1" applyAlignment="1">
      <alignment wrapText="1"/>
    </xf>
    <xf numFmtId="0" fontId="4" fillId="0" borderId="39" xfId="0" applyFont="1" applyBorder="1" applyAlignment="1">
      <alignment vertical="top" wrapText="1"/>
    </xf>
    <xf numFmtId="0" fontId="4" fillId="0" borderId="2" xfId="0" applyFont="1" applyBorder="1" applyAlignment="1">
      <alignment vertical="top" wrapText="1"/>
    </xf>
    <xf numFmtId="0" fontId="4" fillId="0" borderId="40" xfId="0" applyFont="1" applyBorder="1" applyAlignment="1">
      <alignment vertical="top" wrapText="1"/>
    </xf>
    <xf numFmtId="0" fontId="6" fillId="0" borderId="39" xfId="0" applyFont="1" applyBorder="1" applyAlignment="1">
      <alignment horizontal="left" vertical="top"/>
    </xf>
    <xf numFmtId="0" fontId="6" fillId="0" borderId="1" xfId="0" applyFont="1" applyBorder="1" applyAlignment="1">
      <alignment horizontal="left" vertical="top"/>
    </xf>
    <xf numFmtId="0" fontId="4" fillId="0" borderId="22" xfId="0" applyFont="1" applyBorder="1" applyAlignment="1">
      <alignment horizontal="center" vertical="center" wrapText="1"/>
    </xf>
    <xf numFmtId="0" fontId="4" fillId="0" borderId="0" xfId="0" applyFont="1" applyBorder="1" applyAlignment="1">
      <alignment horizontal="center" vertical="center" wrapText="1"/>
    </xf>
    <xf numFmtId="0" fontId="4" fillId="0" borderId="32" xfId="0" applyFont="1" applyBorder="1" applyAlignment="1">
      <alignment horizontal="center" vertical="center" wrapText="1"/>
    </xf>
    <xf numFmtId="0" fontId="4" fillId="0" borderId="50" xfId="0" applyFont="1" applyBorder="1" applyAlignment="1">
      <alignment horizontal="center" vertical="center"/>
    </xf>
    <xf numFmtId="0" fontId="4" fillId="0" borderId="15" xfId="0" applyFont="1" applyBorder="1" applyAlignment="1">
      <alignment horizontal="center" vertical="center"/>
    </xf>
    <xf numFmtId="0" fontId="4" fillId="0" borderId="50" xfId="0" applyFont="1" applyBorder="1" applyAlignment="1">
      <alignment horizontal="center" vertical="center" wrapText="1"/>
    </xf>
    <xf numFmtId="0" fontId="4" fillId="0" borderId="49" xfId="0" applyFont="1" applyBorder="1" applyAlignment="1">
      <alignment horizontal="center" vertical="center" wrapText="1"/>
    </xf>
    <xf numFmtId="0" fontId="4" fillId="0" borderId="15" xfId="0" applyFont="1" applyBorder="1" applyAlignment="1">
      <alignment horizontal="center" vertical="center" wrapText="1"/>
    </xf>
    <xf numFmtId="0" fontId="4" fillId="0" borderId="61" xfId="0" applyFont="1" applyBorder="1" applyAlignment="1">
      <alignment horizontal="center" vertical="center" wrapText="1"/>
    </xf>
    <xf numFmtId="0" fontId="4" fillId="0" borderId="48" xfId="0" applyFont="1" applyBorder="1" applyAlignment="1">
      <alignment vertical="top" wrapText="1"/>
    </xf>
    <xf numFmtId="0" fontId="4" fillId="0" borderId="15" xfId="0" applyFont="1" applyBorder="1" applyAlignment="1">
      <alignment vertical="top" wrapText="1"/>
    </xf>
    <xf numFmtId="0" fontId="4" fillId="0" borderId="15" xfId="0" applyFont="1" applyBorder="1" applyAlignment="1">
      <alignment horizontal="center" vertical="top" wrapText="1"/>
    </xf>
    <xf numFmtId="0" fontId="4" fillId="0" borderId="61" xfId="0" applyFont="1" applyBorder="1" applyAlignment="1">
      <alignment horizontal="center" vertical="top" wrapText="1"/>
    </xf>
    <xf numFmtId="0" fontId="4" fillId="0" borderId="11" xfId="0" applyFont="1" applyBorder="1" applyAlignment="1">
      <alignment horizontal="left" vertical="top" wrapText="1"/>
    </xf>
    <xf numFmtId="0" fontId="4" fillId="0" borderId="52" xfId="0" applyFont="1" applyBorder="1" applyAlignment="1">
      <alignment horizontal="left" vertical="top" wrapText="1"/>
    </xf>
    <xf numFmtId="0" fontId="4" fillId="0" borderId="10" xfId="0" applyFont="1" applyBorder="1" applyAlignment="1">
      <alignment horizontal="left" vertical="top" wrapText="1"/>
    </xf>
    <xf numFmtId="0" fontId="4" fillId="0" borderId="55" xfId="0" applyFont="1" applyBorder="1" applyAlignment="1">
      <alignment horizontal="left" vertical="top" wrapText="1"/>
    </xf>
    <xf numFmtId="0" fontId="4" fillId="0" borderId="54" xfId="0" applyFont="1" applyBorder="1" applyAlignment="1">
      <alignment horizontal="left" vertical="top" wrapText="1"/>
    </xf>
    <xf numFmtId="0" fontId="4" fillId="0" borderId="53" xfId="0" applyFont="1" applyBorder="1" applyAlignment="1">
      <alignment horizontal="left" vertical="top" wrapText="1"/>
    </xf>
    <xf numFmtId="0" fontId="4" fillId="0" borderId="9" xfId="0" applyFont="1" applyBorder="1" applyAlignment="1">
      <alignment horizontal="left" vertical="top" wrapText="1"/>
    </xf>
    <xf numFmtId="0" fontId="4" fillId="0" borderId="60" xfId="0" applyFont="1" applyBorder="1" applyAlignment="1">
      <alignment horizontal="left" vertical="top" wrapText="1"/>
    </xf>
    <xf numFmtId="0" fontId="4" fillId="0" borderId="59" xfId="0" applyFont="1" applyBorder="1" applyAlignment="1">
      <alignment horizontal="left" vertical="top" wrapText="1"/>
    </xf>
    <xf numFmtId="0" fontId="4" fillId="0" borderId="57" xfId="0" applyFont="1" applyBorder="1" applyAlignment="1">
      <alignment horizontal="left" vertical="top" wrapText="1"/>
    </xf>
    <xf numFmtId="0" fontId="4" fillId="0" borderId="56" xfId="0" applyFont="1" applyBorder="1" applyAlignment="1">
      <alignment horizontal="left" vertical="top" wrapText="1"/>
    </xf>
    <xf numFmtId="0" fontId="5" fillId="0" borderId="47" xfId="0" applyFont="1" applyBorder="1" applyAlignment="1">
      <alignment horizontal="left" vertical="top" wrapText="1"/>
    </xf>
    <xf numFmtId="0" fontId="5" fillId="0" borderId="0" xfId="0" applyFont="1" applyBorder="1" applyAlignment="1">
      <alignment horizontal="left" vertical="top" wrapText="1"/>
    </xf>
    <xf numFmtId="0" fontId="5" fillId="0" borderId="21" xfId="0" applyFont="1" applyBorder="1" applyAlignment="1">
      <alignment horizontal="left" vertical="top" wrapText="1"/>
    </xf>
    <xf numFmtId="0" fontId="4" fillId="0" borderId="58" xfId="0" applyFont="1" applyBorder="1" applyAlignment="1">
      <alignment horizontal="left" vertical="top" wrapText="1"/>
    </xf>
    <xf numFmtId="0" fontId="7" fillId="0" borderId="15" xfId="0" applyFont="1" applyBorder="1" applyAlignment="1">
      <alignment horizontal="left" vertical="top" wrapText="1"/>
    </xf>
    <xf numFmtId="0" fontId="7" fillId="0" borderId="61" xfId="0" applyFont="1" applyBorder="1" applyAlignment="1">
      <alignment horizontal="left" vertical="top" wrapText="1"/>
    </xf>
    <xf numFmtId="0" fontId="4" fillId="0" borderId="31" xfId="0" applyFont="1" applyBorder="1" applyAlignment="1">
      <alignment horizontal="center"/>
    </xf>
    <xf numFmtId="0" fontId="4" fillId="0" borderId="29" xfId="0" applyFont="1" applyBorder="1" applyAlignment="1">
      <alignment horizontal="center"/>
    </xf>
    <xf numFmtId="0" fontId="9" fillId="0" borderId="0" xfId="0" applyFont="1" applyBorder="1" applyAlignment="1">
      <alignment horizontal="center"/>
    </xf>
    <xf numFmtId="0" fontId="4" fillId="0" borderId="7" xfId="0" applyFont="1" applyBorder="1" applyAlignment="1">
      <alignment horizontal="center" vertical="center" wrapText="1"/>
    </xf>
    <xf numFmtId="0" fontId="4" fillId="0" borderId="6" xfId="0" applyFont="1" applyBorder="1" applyAlignment="1">
      <alignment horizontal="center" vertical="center" wrapText="1"/>
    </xf>
    <xf numFmtId="0" fontId="4" fillId="0" borderId="5" xfId="0" applyFont="1" applyBorder="1" applyAlignment="1">
      <alignment horizontal="center" vertical="center" wrapText="1"/>
    </xf>
    <xf numFmtId="0" fontId="4" fillId="0" borderId="6" xfId="0" applyFont="1" applyBorder="1" applyAlignment="1">
      <alignment vertical="center" wrapText="1"/>
    </xf>
    <xf numFmtId="0" fontId="4" fillId="0" borderId="5" xfId="0" applyFont="1" applyBorder="1" applyAlignment="1">
      <alignment vertical="center" wrapText="1"/>
    </xf>
    <xf numFmtId="0" fontId="4" fillId="0" borderId="0" xfId="0" applyFont="1" applyBorder="1" applyAlignment="1">
      <alignment vertical="center" wrapText="1"/>
    </xf>
    <xf numFmtId="0" fontId="4" fillId="0" borderId="32" xfId="0" applyFont="1" applyBorder="1" applyAlignment="1">
      <alignment vertical="center" wrapText="1"/>
    </xf>
    <xf numFmtId="0" fontId="4" fillId="0" borderId="62" xfId="0" applyFont="1" applyBorder="1" applyAlignment="1">
      <alignment horizontal="center" vertical="center" wrapText="1"/>
    </xf>
    <xf numFmtId="0" fontId="4" fillId="0" borderId="48" xfId="0" applyFont="1" applyBorder="1" applyAlignment="1">
      <alignment horizontal="center" vertical="center" wrapText="1"/>
    </xf>
    <xf numFmtId="0" fontId="4" fillId="0" borderId="64" xfId="0" applyFont="1" applyBorder="1" applyAlignment="1">
      <alignment horizontal="center" vertical="center" wrapText="1"/>
    </xf>
    <xf numFmtId="0" fontId="4" fillId="0" borderId="63" xfId="0" applyFont="1" applyBorder="1" applyAlignment="1">
      <alignment horizontal="center" vertical="center" wrapText="1"/>
    </xf>
    <xf numFmtId="0" fontId="4" fillId="0" borderId="66" xfId="0" applyFont="1" applyBorder="1" applyAlignment="1">
      <alignment vertical="top" wrapText="1"/>
    </xf>
    <xf numFmtId="0" fontId="4" fillId="0" borderId="6" xfId="0" applyFont="1" applyBorder="1" applyAlignment="1">
      <alignment vertical="top" wrapText="1"/>
    </xf>
    <xf numFmtId="0" fontId="4" fillId="0" borderId="5" xfId="0" applyFont="1" applyBorder="1" applyAlignment="1">
      <alignment vertical="top" wrapText="1"/>
    </xf>
    <xf numFmtId="0" fontId="4" fillId="0" borderId="12" xfId="0" applyFont="1" applyBorder="1" applyAlignment="1">
      <alignment vertical="top" wrapText="1"/>
    </xf>
    <xf numFmtId="0" fontId="4" fillId="0" borderId="18" xfId="0" applyFont="1" applyBorder="1" applyAlignment="1">
      <alignment vertical="top" wrapText="1"/>
    </xf>
    <xf numFmtId="0" fontId="4" fillId="0" borderId="65" xfId="0" applyFont="1" applyBorder="1" applyAlignment="1">
      <alignment horizontal="left" vertical="top" wrapText="1"/>
    </xf>
    <xf numFmtId="0" fontId="4" fillId="0" borderId="32" xfId="0" applyFont="1" applyBorder="1" applyAlignment="1">
      <alignment vertical="top" wrapText="1"/>
    </xf>
    <xf numFmtId="0" fontId="4" fillId="0" borderId="1" xfId="0" applyFont="1" applyBorder="1" applyAlignment="1">
      <alignment vertical="top" wrapText="1"/>
    </xf>
    <xf numFmtId="0" fontId="6" fillId="0" borderId="65" xfId="0" applyFont="1" applyBorder="1" applyAlignment="1">
      <alignment horizontal="left" vertical="top" wrapText="1"/>
    </xf>
    <xf numFmtId="0" fontId="6" fillId="0" borderId="20" xfId="0" applyFont="1" applyBorder="1" applyAlignment="1">
      <alignment horizontal="left" vertical="top" wrapText="1"/>
    </xf>
    <xf numFmtId="0" fontId="6" fillId="0" borderId="17" xfId="0" applyFont="1" applyBorder="1" applyAlignment="1">
      <alignment horizontal="left" vertical="top" wrapText="1"/>
    </xf>
    <xf numFmtId="0" fontId="6" fillId="0" borderId="14" xfId="0" applyFont="1" applyBorder="1" applyAlignment="1">
      <alignment horizontal="left" vertical="top" wrapText="1"/>
    </xf>
    <xf numFmtId="0" fontId="4" fillId="0" borderId="12" xfId="0" applyFont="1" applyBorder="1" applyAlignment="1"/>
    <xf numFmtId="0" fontId="4" fillId="0" borderId="19" xfId="0" applyFont="1" applyBorder="1" applyAlignment="1"/>
    <xf numFmtId="0" fontId="4" fillId="0" borderId="18" xfId="0" applyFont="1" applyBorder="1" applyAlignment="1"/>
    <xf numFmtId="0" fontId="4" fillId="0" borderId="47" xfId="0" applyFont="1" applyBorder="1" applyAlignment="1">
      <alignment horizontal="center" vertical="center"/>
    </xf>
    <xf numFmtId="0" fontId="4" fillId="0" borderId="21" xfId="0" applyFont="1" applyBorder="1" applyAlignment="1">
      <alignment horizontal="center" vertical="center"/>
    </xf>
    <xf numFmtId="0" fontId="4" fillId="0" borderId="13" xfId="0" applyFont="1" applyBorder="1" applyAlignment="1">
      <alignment horizontal="center" vertical="center"/>
    </xf>
    <xf numFmtId="0" fontId="4" fillId="0" borderId="14" xfId="0" applyFont="1" applyBorder="1" applyAlignment="1">
      <alignment horizontal="center" vertical="center"/>
    </xf>
    <xf numFmtId="0" fontId="4" fillId="0" borderId="44" xfId="0" applyFont="1" applyBorder="1" applyAlignment="1">
      <alignment horizontal="left"/>
    </xf>
    <xf numFmtId="0" fontId="4" fillId="0" borderId="47"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5" xfId="0" applyFont="1" applyBorder="1" applyAlignment="1">
      <alignment vertical="top"/>
    </xf>
    <xf numFmtId="0" fontId="4" fillId="0" borderId="51" xfId="0" applyFont="1" applyBorder="1" applyAlignment="1">
      <alignment horizontal="center" vertical="top" wrapText="1"/>
    </xf>
    <xf numFmtId="0" fontId="4" fillId="0" borderId="46" xfId="0" applyFont="1" applyBorder="1" applyAlignment="1">
      <alignment horizontal="center" vertical="top" wrapText="1"/>
    </xf>
    <xf numFmtId="0" fontId="4" fillId="0" borderId="43" xfId="0" applyFont="1" applyBorder="1" applyAlignment="1">
      <alignment horizontal="center" vertical="top" wrapText="1"/>
    </xf>
    <xf numFmtId="0" fontId="7" fillId="0" borderId="50" xfId="0" applyFont="1" applyBorder="1" applyAlignment="1">
      <alignment horizontal="center"/>
    </xf>
    <xf numFmtId="0" fontId="4" fillId="0" borderId="8" xfId="0" applyFont="1" applyBorder="1" applyAlignment="1">
      <alignment horizontal="center"/>
    </xf>
    <xf numFmtId="0" fontId="4" fillId="0" borderId="4" xfId="0" applyFont="1" applyBorder="1" applyAlignment="1">
      <alignment horizontal="center"/>
    </xf>
    <xf numFmtId="0" fontId="4" fillId="0" borderId="32" xfId="0" applyFont="1" applyBorder="1" applyAlignment="1"/>
    <xf numFmtId="0" fontId="4" fillId="0" borderId="7" xfId="0" applyFont="1" applyBorder="1" applyAlignment="1">
      <alignment vertical="top"/>
    </xf>
    <xf numFmtId="0" fontId="4" fillId="0" borderId="6" xfId="0" applyFont="1" applyBorder="1" applyAlignment="1">
      <alignment vertical="top"/>
    </xf>
    <xf numFmtId="0" fontId="4" fillId="0" borderId="5" xfId="0" applyFont="1" applyBorder="1" applyAlignment="1">
      <alignment vertical="top"/>
    </xf>
    <xf numFmtId="0" fontId="4" fillId="0" borderId="22" xfId="0" applyFont="1" applyBorder="1" applyAlignment="1">
      <alignment vertical="top"/>
    </xf>
    <xf numFmtId="0" fontId="4" fillId="0" borderId="0" xfId="0" applyFont="1" applyBorder="1" applyAlignment="1">
      <alignment vertical="top"/>
    </xf>
    <xf numFmtId="0" fontId="4" fillId="0" borderId="32" xfId="0" applyFont="1" applyBorder="1" applyAlignment="1">
      <alignment vertical="top"/>
    </xf>
    <xf numFmtId="0" fontId="4" fillId="0" borderId="3" xfId="0" applyFont="1" applyBorder="1" applyAlignment="1">
      <alignment vertical="top"/>
    </xf>
    <xf numFmtId="0" fontId="4" fillId="0" borderId="2" xfId="0" applyFont="1" applyBorder="1" applyAlignment="1">
      <alignment vertical="top"/>
    </xf>
    <xf numFmtId="0" fontId="4" fillId="0" borderId="1" xfId="0" applyFont="1" applyBorder="1" applyAlignment="1">
      <alignment vertical="top"/>
    </xf>
    <xf numFmtId="0" fontId="4" fillId="0" borderId="8" xfId="0" applyFont="1" applyBorder="1" applyAlignment="1">
      <alignment horizontal="center" vertical="top" wrapText="1"/>
    </xf>
    <xf numFmtId="0" fontId="4" fillId="0" borderId="16" xfId="0" applyFont="1" applyBorder="1" applyAlignment="1">
      <alignment horizontal="left"/>
    </xf>
    <xf numFmtId="0" fontId="4" fillId="0" borderId="39" xfId="0" applyFont="1" applyBorder="1" applyAlignment="1">
      <alignment horizontal="left" vertical="top" wrapText="1"/>
    </xf>
    <xf numFmtId="0" fontId="4" fillId="0" borderId="2" xfId="0" applyFont="1" applyBorder="1" applyAlignment="1">
      <alignment horizontal="left" vertical="top" wrapText="1"/>
    </xf>
    <xf numFmtId="0" fontId="4" fillId="0" borderId="1" xfId="0" applyFont="1" applyBorder="1" applyAlignment="1">
      <alignment horizontal="left" vertical="top" wrapText="1"/>
    </xf>
    <xf numFmtId="0" fontId="4" fillId="0" borderId="52" xfId="0" applyFont="1" applyBorder="1" applyAlignment="1">
      <alignment horizontal="center" vertical="top" wrapText="1"/>
    </xf>
    <xf numFmtId="0" fontId="4" fillId="0" borderId="10" xfId="0" applyFont="1" applyBorder="1" applyAlignment="1">
      <alignment horizontal="center" vertical="top" wrapText="1"/>
    </xf>
    <xf numFmtId="0" fontId="4" fillId="0" borderId="42" xfId="0" applyFont="1" applyBorder="1" applyAlignment="1">
      <alignment horizontal="center" vertical="top" wrapText="1"/>
    </xf>
    <xf numFmtId="0" fontId="4" fillId="0" borderId="18" xfId="0" applyFont="1" applyBorder="1" applyAlignment="1">
      <alignment horizontal="left" vertical="top" wrapText="1"/>
    </xf>
    <xf numFmtId="0" fontId="4" fillId="0" borderId="12" xfId="0" applyFont="1" applyBorder="1" applyAlignment="1">
      <alignment horizontal="left" vertical="top" wrapText="1"/>
    </xf>
    <xf numFmtId="0" fontId="4" fillId="0" borderId="23" xfId="0" applyFont="1" applyBorder="1" applyAlignment="1">
      <alignment horizontal="center"/>
    </xf>
    <xf numFmtId="0" fontId="4" fillId="0" borderId="30" xfId="0" applyFont="1" applyBorder="1" applyAlignment="1">
      <alignment horizontal="center"/>
    </xf>
    <xf numFmtId="0" fontId="4" fillId="0" borderId="3" xfId="0" applyFont="1" applyBorder="1" applyAlignment="1">
      <alignment horizontal="center" vertical="center" wrapText="1"/>
    </xf>
    <xf numFmtId="0" fontId="4" fillId="0" borderId="2" xfId="0" applyFont="1" applyBorder="1" applyAlignment="1">
      <alignment horizontal="center" vertical="center" wrapText="1"/>
    </xf>
    <xf numFmtId="0" fontId="4" fillId="0" borderId="7" xfId="0" applyFont="1" applyBorder="1" applyAlignment="1">
      <alignment vertical="center" wrapText="1"/>
    </xf>
    <xf numFmtId="0" fontId="4" fillId="0" borderId="22" xfId="0" applyFont="1" applyBorder="1" applyAlignment="1">
      <alignment vertical="center" wrapText="1"/>
    </xf>
    <xf numFmtId="0" fontId="4" fillId="0" borderId="58" xfId="0" applyFont="1" applyBorder="1" applyAlignment="1">
      <alignment horizontal="center" vertical="center"/>
    </xf>
    <xf numFmtId="0" fontId="11" fillId="0" borderId="15" xfId="0" applyFont="1" applyBorder="1" applyAlignment="1">
      <alignment horizontal="center" vertical="top" wrapText="1"/>
    </xf>
    <xf numFmtId="0" fontId="11" fillId="0" borderId="61" xfId="0" applyFont="1" applyBorder="1" applyAlignment="1">
      <alignment horizontal="center" vertical="top" wrapText="1"/>
    </xf>
    <xf numFmtId="0" fontId="4" fillId="0" borderId="3" xfId="0" applyFont="1" applyBorder="1" applyAlignment="1">
      <alignment horizontal="left" vertical="top" wrapText="1"/>
    </xf>
    <xf numFmtId="0" fontId="4" fillId="0" borderId="40" xfId="0" applyFont="1" applyBorder="1" applyAlignment="1">
      <alignment horizontal="left" vertical="top" wrapText="1"/>
    </xf>
    <xf numFmtId="0" fontId="6" fillId="0" borderId="7" xfId="0" applyFont="1" applyBorder="1" applyAlignment="1">
      <alignment horizontal="center" vertical="top" wrapText="1"/>
    </xf>
    <xf numFmtId="0" fontId="6" fillId="0" borderId="6" xfId="0" applyFont="1" applyBorder="1" applyAlignment="1">
      <alignment horizontal="center" vertical="top" wrapText="1"/>
    </xf>
    <xf numFmtId="0" fontId="6" fillId="0" borderId="5" xfId="0" applyFont="1" applyBorder="1" applyAlignment="1">
      <alignment horizontal="center" vertical="top" wrapText="1"/>
    </xf>
    <xf numFmtId="0" fontId="6" fillId="0" borderId="3" xfId="0" applyFont="1" applyBorder="1" applyAlignment="1">
      <alignment horizontal="center" vertical="top" wrapText="1"/>
    </xf>
    <xf numFmtId="0" fontId="6" fillId="0" borderId="2" xfId="0" applyFont="1" applyBorder="1" applyAlignment="1">
      <alignment horizontal="center" vertical="top" wrapText="1"/>
    </xf>
    <xf numFmtId="0" fontId="6" fillId="0" borderId="1" xfId="0" applyFont="1" applyBorder="1" applyAlignment="1">
      <alignment horizontal="center" vertical="top" wrapText="1"/>
    </xf>
    <xf numFmtId="0" fontId="4" fillId="0" borderId="5" xfId="0" applyFont="1" applyBorder="1" applyAlignment="1">
      <alignment horizontal="left" vertical="top" wrapText="1"/>
    </xf>
    <xf numFmtId="0" fontId="4" fillId="0" borderId="7" xfId="0" applyFont="1" applyBorder="1" applyAlignment="1">
      <alignment horizontal="center" vertical="top" wrapText="1"/>
    </xf>
    <xf numFmtId="0" fontId="4" fillId="0" borderId="6" xfId="0" applyFont="1" applyBorder="1" applyAlignment="1">
      <alignment horizontal="center" vertical="top" wrapText="1"/>
    </xf>
    <xf numFmtId="0" fontId="4" fillId="0" borderId="5" xfId="0" applyFont="1" applyBorder="1" applyAlignment="1">
      <alignment horizontal="center" vertical="top" wrapText="1"/>
    </xf>
    <xf numFmtId="0" fontId="4" fillId="0" borderId="22" xfId="0" applyFont="1" applyBorder="1" applyAlignment="1">
      <alignment horizontal="center" vertical="top" wrapText="1"/>
    </xf>
    <xf numFmtId="0" fontId="4" fillId="0" borderId="0" xfId="0" applyFont="1" applyBorder="1" applyAlignment="1">
      <alignment horizontal="center" vertical="top" wrapText="1"/>
    </xf>
    <xf numFmtId="0" fontId="4" fillId="0" borderId="32" xfId="0" applyFont="1" applyBorder="1" applyAlignment="1">
      <alignment horizontal="center" vertical="top" wrapText="1"/>
    </xf>
    <xf numFmtId="0" fontId="4" fillId="0" borderId="3" xfId="0" applyFont="1" applyBorder="1" applyAlignment="1">
      <alignment horizontal="center" vertical="top" wrapText="1"/>
    </xf>
    <xf numFmtId="0" fontId="4" fillId="0" borderId="2" xfId="0" applyFont="1" applyBorder="1" applyAlignment="1">
      <alignment horizontal="center" vertical="top" wrapText="1"/>
    </xf>
    <xf numFmtId="0" fontId="4" fillId="0" borderId="1" xfId="0" applyFont="1" applyBorder="1" applyAlignment="1">
      <alignment horizontal="center" vertical="top" wrapText="1"/>
    </xf>
    <xf numFmtId="0" fontId="4" fillId="0" borderId="71" xfId="0" applyFont="1" applyBorder="1" applyAlignment="1">
      <alignment vertical="top" wrapText="1"/>
    </xf>
    <xf numFmtId="0" fontId="4" fillId="0" borderId="70" xfId="0" applyFont="1" applyBorder="1" applyAlignment="1">
      <alignment vertical="top" wrapText="1"/>
    </xf>
    <xf numFmtId="0" fontId="4" fillId="0" borderId="69" xfId="0" applyFont="1" applyBorder="1" applyAlignment="1">
      <alignment vertical="top" wrapText="1"/>
    </xf>
    <xf numFmtId="0" fontId="5" fillId="0" borderId="7" xfId="0" applyFont="1" applyBorder="1" applyAlignment="1">
      <alignment horizontal="center" vertical="center" wrapText="1"/>
    </xf>
    <xf numFmtId="0" fontId="5" fillId="0" borderId="6" xfId="0" applyFont="1" applyBorder="1" applyAlignment="1">
      <alignment horizontal="center" vertical="center" wrapText="1"/>
    </xf>
    <xf numFmtId="0" fontId="5" fillId="0" borderId="5" xfId="0" applyFont="1" applyBorder="1" applyAlignment="1">
      <alignment horizontal="center" vertical="center" wrapText="1"/>
    </xf>
    <xf numFmtId="0" fontId="5" fillId="0" borderId="22" xfId="0" applyFont="1" applyBorder="1" applyAlignment="1">
      <alignment horizontal="center" vertical="center" wrapText="1"/>
    </xf>
    <xf numFmtId="0" fontId="5" fillId="0" borderId="0" xfId="0" applyFont="1" applyBorder="1" applyAlignment="1">
      <alignment horizontal="center" vertical="center" wrapText="1"/>
    </xf>
    <xf numFmtId="0" fontId="5" fillId="0" borderId="32" xfId="0" applyFont="1" applyBorder="1" applyAlignment="1">
      <alignment horizontal="center" vertical="center" wrapText="1"/>
    </xf>
    <xf numFmtId="0" fontId="0" fillId="0" borderId="6" xfId="0" applyBorder="1"/>
    <xf numFmtId="0" fontId="0" fillId="0" borderId="5" xfId="0" applyBorder="1"/>
    <xf numFmtId="0" fontId="4" fillId="0" borderId="25" xfId="0" applyFont="1" applyBorder="1" applyAlignment="1">
      <alignment horizontal="center" vertical="center"/>
    </xf>
    <xf numFmtId="0" fontId="4" fillId="0" borderId="45" xfId="0" applyFont="1" applyBorder="1" applyAlignment="1">
      <alignment horizontal="center" vertical="center"/>
    </xf>
    <xf numFmtId="0" fontId="4" fillId="0" borderId="6" xfId="0" applyFont="1" applyBorder="1" applyAlignment="1">
      <alignment horizontal="center" vertical="center"/>
    </xf>
    <xf numFmtId="0" fontId="4" fillId="0" borderId="27" xfId="0" applyFont="1" applyBorder="1" applyAlignment="1">
      <alignment horizontal="center" vertical="center"/>
    </xf>
    <xf numFmtId="0" fontId="4" fillId="0" borderId="16" xfId="0" applyFont="1" applyBorder="1" applyAlignment="1">
      <alignment horizontal="center" vertical="center"/>
    </xf>
    <xf numFmtId="0" fontId="4" fillId="0" borderId="61" xfId="0" applyFont="1" applyBorder="1" applyAlignment="1">
      <alignment vertical="top" wrapText="1"/>
    </xf>
    <xf numFmtId="0" fontId="4" fillId="0" borderId="47" xfId="0" applyFont="1" applyBorder="1" applyAlignment="1">
      <alignment horizontal="left" vertical="top" wrapText="1"/>
    </xf>
    <xf numFmtId="0" fontId="4" fillId="0" borderId="32" xfId="0" applyFont="1" applyBorder="1" applyAlignment="1">
      <alignment horizontal="left" vertical="top" wrapText="1"/>
    </xf>
    <xf numFmtId="0" fontId="4" fillId="0" borderId="0" xfId="0" applyFont="1" applyBorder="1" applyAlignment="1">
      <alignment horizontal="center" vertical="center"/>
    </xf>
    <xf numFmtId="0" fontId="4" fillId="0" borderId="66" xfId="0" applyFont="1" applyBorder="1" applyAlignment="1">
      <alignment horizontal="center" vertical="center" wrapText="1"/>
    </xf>
    <xf numFmtId="0" fontId="5" fillId="0" borderId="65" xfId="0" applyFont="1" applyBorder="1" applyAlignment="1">
      <alignment horizontal="left" vertical="top" wrapText="1"/>
    </xf>
    <xf numFmtId="0" fontId="5" fillId="0" borderId="20" xfId="0" applyFont="1" applyBorder="1" applyAlignment="1">
      <alignment horizontal="left" vertical="top" wrapText="1"/>
    </xf>
    <xf numFmtId="0" fontId="5" fillId="0" borderId="17" xfId="0" applyFont="1" applyBorder="1" applyAlignment="1">
      <alignment horizontal="left" vertical="top" wrapText="1"/>
    </xf>
    <xf numFmtId="0" fontId="5" fillId="0" borderId="14" xfId="0" applyFont="1" applyBorder="1" applyAlignment="1">
      <alignment horizontal="left" vertical="top" wrapText="1"/>
    </xf>
    <xf numFmtId="0" fontId="11" fillId="0" borderId="15" xfId="0" applyFont="1" applyBorder="1" applyAlignment="1">
      <alignment vertical="top" wrapText="1"/>
    </xf>
    <xf numFmtId="0" fontId="11" fillId="0" borderId="61" xfId="0" applyFont="1" applyBorder="1" applyAlignment="1">
      <alignment vertical="top" wrapText="1"/>
    </xf>
    <xf numFmtId="0" fontId="3" fillId="0" borderId="51" xfId="0" applyFont="1" applyBorder="1" applyAlignment="1">
      <alignment horizontal="center" vertical="top" wrapText="1"/>
    </xf>
    <xf numFmtId="0" fontId="3" fillId="0" borderId="46" xfId="0" applyFont="1" applyBorder="1" applyAlignment="1">
      <alignment horizontal="center" vertical="top" wrapText="1"/>
    </xf>
    <xf numFmtId="0" fontId="3" fillId="0" borderId="43" xfId="0" applyFont="1" applyBorder="1" applyAlignment="1">
      <alignment horizontal="center" vertical="top" wrapText="1"/>
    </xf>
    <xf numFmtId="0" fontId="4" fillId="0" borderId="28" xfId="0" applyFont="1" applyBorder="1" applyAlignment="1">
      <alignment horizontal="center" vertical="top" wrapText="1"/>
    </xf>
    <xf numFmtId="0" fontId="4" fillId="0" borderId="66" xfId="0" applyFont="1" applyBorder="1" applyAlignment="1">
      <alignment horizontal="center" vertical="center"/>
    </xf>
    <xf numFmtId="0" fontId="6" fillId="0" borderId="7" xfId="0" applyFont="1" applyBorder="1" applyAlignment="1">
      <alignment horizontal="left" vertical="top" wrapText="1"/>
    </xf>
    <xf numFmtId="0" fontId="6" fillId="0" borderId="6" xfId="0" applyFont="1" applyBorder="1" applyAlignment="1">
      <alignment horizontal="left" vertical="top" wrapText="1"/>
    </xf>
    <xf numFmtId="0" fontId="6" fillId="0" borderId="21" xfId="0" applyFont="1" applyBorder="1" applyAlignment="1">
      <alignment horizontal="left" vertical="top" wrapText="1"/>
    </xf>
    <xf numFmtId="0" fontId="6" fillId="0" borderId="22" xfId="0" applyFont="1" applyBorder="1" applyAlignment="1">
      <alignment horizontal="left" vertical="top" wrapText="1"/>
    </xf>
    <xf numFmtId="0" fontId="6" fillId="0" borderId="0" xfId="0" applyFont="1" applyBorder="1" applyAlignment="1">
      <alignment horizontal="left" vertical="top" wrapText="1"/>
    </xf>
    <xf numFmtId="0" fontId="6" fillId="0" borderId="16" xfId="0" applyFont="1" applyBorder="1" applyAlignment="1">
      <alignment horizontal="left" vertical="top" wrapText="1"/>
    </xf>
    <xf numFmtId="0" fontId="4" fillId="0" borderId="62" xfId="0" applyFont="1" applyBorder="1" applyAlignment="1">
      <alignment horizontal="center" vertical="top" wrapText="1"/>
    </xf>
    <xf numFmtId="0" fontId="4" fillId="0" borderId="50" xfId="0" applyFont="1" applyBorder="1" applyAlignment="1">
      <alignment horizontal="center" vertical="top" wrapText="1"/>
    </xf>
    <xf numFmtId="0" fontId="4" fillId="0" borderId="49" xfId="0" applyFont="1" applyBorder="1" applyAlignment="1">
      <alignment horizontal="center" vertical="top" wrapText="1"/>
    </xf>
    <xf numFmtId="0" fontId="4" fillId="0" borderId="48" xfId="0" applyFont="1" applyBorder="1" applyAlignment="1">
      <alignment horizontal="center" vertical="top" wrapText="1"/>
    </xf>
    <xf numFmtId="0" fontId="4" fillId="0" borderId="64" xfId="0" applyFont="1" applyBorder="1" applyAlignment="1">
      <alignment horizontal="center" vertical="top" wrapText="1"/>
    </xf>
    <xf numFmtId="0" fontId="4" fillId="0" borderId="41" xfId="0" applyFont="1" applyBorder="1" applyAlignment="1">
      <alignment horizontal="center" vertical="top" wrapText="1"/>
    </xf>
    <xf numFmtId="0" fontId="4" fillId="0" borderId="63" xfId="0" applyFont="1" applyBorder="1" applyAlignment="1">
      <alignment horizontal="center" vertical="top" wrapText="1"/>
    </xf>
    <xf numFmtId="0" fontId="6" fillId="0" borderId="57" xfId="0" applyFont="1" applyBorder="1" applyAlignment="1">
      <alignment horizontal="center" vertical="top" wrapText="1"/>
    </xf>
    <xf numFmtId="0" fontId="6" fillId="0" borderId="56" xfId="0" applyFont="1" applyBorder="1" applyAlignment="1">
      <alignment horizontal="center" vertical="top" wrapText="1"/>
    </xf>
    <xf numFmtId="0" fontId="6" fillId="0" borderId="68" xfId="0" applyFont="1" applyBorder="1" applyAlignment="1">
      <alignment horizontal="center" vertical="top" wrapText="1"/>
    </xf>
    <xf numFmtId="0" fontId="6" fillId="0" borderId="64" xfId="0" applyFont="1" applyBorder="1" applyAlignment="1">
      <alignment horizontal="center" vertical="top" wrapText="1"/>
    </xf>
    <xf numFmtId="0" fontId="6" fillId="0" borderId="41" xfId="0" applyFont="1" applyBorder="1" applyAlignment="1">
      <alignment horizontal="center" vertical="top" wrapText="1"/>
    </xf>
    <xf numFmtId="0" fontId="6" fillId="0" borderId="63" xfId="0" applyFont="1" applyBorder="1" applyAlignment="1">
      <alignment horizontal="center" vertical="top" wrapText="1"/>
    </xf>
    <xf numFmtId="0" fontId="6" fillId="0" borderId="19" xfId="0" applyFont="1" applyBorder="1" applyAlignment="1"/>
    <xf numFmtId="0" fontId="6" fillId="0" borderId="18" xfId="0" applyFont="1" applyBorder="1" applyAlignment="1"/>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M61"/>
  <sheetViews>
    <sheetView tabSelected="1" view="pageBreakPreview" zoomScale="115" zoomScaleNormal="100" zoomScaleSheetLayoutView="115" workbookViewId="0">
      <selection activeCell="C4" sqref="C4:F5"/>
    </sheetView>
  </sheetViews>
  <sheetFormatPr defaultRowHeight="14.25"/>
  <cols>
    <col min="1" max="1" width="4.625" style="1" customWidth="1"/>
    <col min="2" max="2" width="1.625" style="1" customWidth="1"/>
    <col min="3" max="3" width="3.125" style="1" customWidth="1"/>
    <col min="4" max="4" width="8.125" style="1" customWidth="1"/>
    <col min="5" max="5" width="6.5" style="1" customWidth="1"/>
    <col min="6" max="6" width="8.25" style="1" customWidth="1"/>
    <col min="7" max="8" width="7.625" style="1" customWidth="1"/>
    <col min="9" max="9" width="16.625" style="1" customWidth="1"/>
    <col min="10" max="10" width="3.625" style="1" customWidth="1"/>
    <col min="11" max="11" width="9.625" style="1" customWidth="1"/>
    <col min="12" max="13" width="12.625" style="1" customWidth="1"/>
    <col min="14" max="16384" width="9" style="1"/>
  </cols>
  <sheetData>
    <row r="1" spans="1:13" ht="15" thickBot="1">
      <c r="A1" s="26" t="s">
        <v>80</v>
      </c>
      <c r="M1" s="27" t="s">
        <v>79</v>
      </c>
    </row>
    <row r="2" spans="1:13" ht="15" thickBot="1">
      <c r="C2" s="26"/>
      <c r="L2" s="192" t="s">
        <v>78</v>
      </c>
      <c r="M2" s="193"/>
    </row>
    <row r="3" spans="1:13" ht="24.75" thickBot="1">
      <c r="A3" s="25" t="s">
        <v>77</v>
      </c>
      <c r="C3" s="194" t="s">
        <v>76</v>
      </c>
      <c r="D3" s="194"/>
      <c r="E3" s="194"/>
      <c r="F3" s="194"/>
      <c r="G3" s="194"/>
      <c r="H3" s="194"/>
      <c r="I3" s="194"/>
      <c r="J3" s="194"/>
      <c r="K3" s="194"/>
      <c r="L3" s="194"/>
      <c r="M3" s="194"/>
    </row>
    <row r="4" spans="1:13" s="19" customFormat="1" ht="15" customHeight="1">
      <c r="A4" s="24"/>
      <c r="C4" s="195" t="s">
        <v>75</v>
      </c>
      <c r="D4" s="196"/>
      <c r="E4" s="196"/>
      <c r="F4" s="197"/>
      <c r="G4" s="198" t="s">
        <v>74</v>
      </c>
      <c r="H4" s="198"/>
      <c r="I4" s="198"/>
      <c r="J4" s="198"/>
      <c r="K4" s="198"/>
      <c r="L4" s="198"/>
      <c r="M4" s="199"/>
    </row>
    <row r="5" spans="1:13" s="19" customFormat="1" ht="15" customHeight="1" thickBot="1">
      <c r="A5" s="23"/>
      <c r="C5" s="162"/>
      <c r="D5" s="163"/>
      <c r="E5" s="163"/>
      <c r="F5" s="164"/>
      <c r="G5" s="200" t="s">
        <v>73</v>
      </c>
      <c r="H5" s="200"/>
      <c r="I5" s="200"/>
      <c r="J5" s="200"/>
      <c r="K5" s="200"/>
      <c r="L5" s="200"/>
      <c r="M5" s="201"/>
    </row>
    <row r="6" spans="1:13" s="4" customFormat="1" ht="16.5" customHeight="1">
      <c r="A6" s="6" t="s">
        <v>2</v>
      </c>
      <c r="C6" s="202" t="s">
        <v>65</v>
      </c>
      <c r="D6" s="168"/>
      <c r="E6" s="86" t="s">
        <v>72</v>
      </c>
      <c r="F6" s="88"/>
      <c r="G6" s="206" t="s">
        <v>71</v>
      </c>
      <c r="H6" s="207"/>
      <c r="I6" s="207"/>
      <c r="J6" s="207"/>
      <c r="K6" s="207"/>
      <c r="L6" s="207"/>
      <c r="M6" s="208"/>
    </row>
    <row r="7" spans="1:13" s="4" customFormat="1" ht="16.5" customHeight="1">
      <c r="A7" s="6"/>
      <c r="C7" s="203"/>
      <c r="D7" s="170"/>
      <c r="E7" s="92"/>
      <c r="F7" s="59"/>
      <c r="G7" s="50" t="s">
        <v>67</v>
      </c>
      <c r="H7" s="51"/>
      <c r="I7" s="51"/>
      <c r="J7" s="51"/>
      <c r="K7" s="51"/>
      <c r="L7" s="51"/>
      <c r="M7" s="209"/>
    </row>
    <row r="8" spans="1:13" s="4" customFormat="1" ht="16.5" customHeight="1">
      <c r="A8" s="6" t="s">
        <v>2</v>
      </c>
      <c r="C8" s="203"/>
      <c r="D8" s="170"/>
      <c r="E8" s="211" t="s">
        <v>70</v>
      </c>
      <c r="F8" s="55"/>
      <c r="G8" s="128" t="s">
        <v>69</v>
      </c>
      <c r="H8" s="129"/>
      <c r="I8" s="129"/>
      <c r="J8" s="129"/>
      <c r="K8" s="129"/>
      <c r="L8" s="129"/>
      <c r="M8" s="210"/>
    </row>
    <row r="9" spans="1:13" s="4" customFormat="1" ht="16.5" customHeight="1">
      <c r="A9" s="6"/>
      <c r="C9" s="203"/>
      <c r="D9" s="170"/>
      <c r="E9" s="89"/>
      <c r="F9" s="91"/>
      <c r="G9" s="47" t="s">
        <v>68</v>
      </c>
      <c r="H9" s="48"/>
      <c r="I9" s="48"/>
      <c r="J9" s="48"/>
      <c r="K9" s="48"/>
      <c r="L9" s="48"/>
      <c r="M9" s="212"/>
    </row>
    <row r="10" spans="1:13" s="4" customFormat="1" ht="16.5" customHeight="1" thickBot="1">
      <c r="A10" s="6"/>
      <c r="C10" s="204"/>
      <c r="D10" s="205"/>
      <c r="E10" s="89"/>
      <c r="F10" s="91"/>
      <c r="G10" s="157" t="s">
        <v>67</v>
      </c>
      <c r="H10" s="158"/>
      <c r="I10" s="158"/>
      <c r="J10" s="158"/>
      <c r="K10" s="158"/>
      <c r="L10" s="158"/>
      <c r="M10" s="213"/>
    </row>
    <row r="11" spans="1:13" s="4" customFormat="1" ht="16.5" customHeight="1">
      <c r="A11" s="6"/>
      <c r="C11" s="162" t="s">
        <v>66</v>
      </c>
      <c r="D11" s="163"/>
      <c r="E11" s="43"/>
      <c r="F11" s="44"/>
      <c r="G11" s="165" t="s">
        <v>65</v>
      </c>
      <c r="H11" s="165"/>
      <c r="I11" s="165"/>
      <c r="J11" s="165"/>
      <c r="K11" s="167" t="s">
        <v>64</v>
      </c>
      <c r="L11" s="167"/>
      <c r="M11" s="168"/>
    </row>
    <row r="12" spans="1:13" s="4" customFormat="1" ht="16.5" customHeight="1">
      <c r="A12" s="6"/>
      <c r="C12" s="162"/>
      <c r="D12" s="163"/>
      <c r="E12" s="45"/>
      <c r="F12" s="46"/>
      <c r="G12" s="166"/>
      <c r="H12" s="166"/>
      <c r="I12" s="166"/>
      <c r="J12" s="166"/>
      <c r="K12" s="169"/>
      <c r="L12" s="169"/>
      <c r="M12" s="170"/>
    </row>
    <row r="13" spans="1:13" s="4" customFormat="1" ht="16.5" customHeight="1">
      <c r="A13" s="6" t="s">
        <v>2</v>
      </c>
      <c r="C13" s="162"/>
      <c r="D13" s="163"/>
      <c r="E13" s="45" t="s">
        <v>63</v>
      </c>
      <c r="F13" s="46"/>
      <c r="G13" s="128" t="s">
        <v>62</v>
      </c>
      <c r="H13" s="129"/>
      <c r="I13" s="129"/>
      <c r="J13" s="130"/>
      <c r="K13" s="173"/>
      <c r="L13" s="173"/>
      <c r="M13" s="174"/>
    </row>
    <row r="14" spans="1:13" s="4" customFormat="1" ht="16.5" customHeight="1">
      <c r="A14" s="6"/>
      <c r="C14" s="162"/>
      <c r="D14" s="163"/>
      <c r="E14" s="45"/>
      <c r="F14" s="46"/>
      <c r="G14" s="50" t="s">
        <v>57</v>
      </c>
      <c r="H14" s="51"/>
      <c r="I14" s="51"/>
      <c r="J14" s="52"/>
      <c r="K14" s="173"/>
      <c r="L14" s="173"/>
      <c r="M14" s="174"/>
    </row>
    <row r="15" spans="1:13" s="4" customFormat="1" ht="16.5" customHeight="1">
      <c r="A15" s="6" t="s">
        <v>2</v>
      </c>
      <c r="C15" s="162"/>
      <c r="D15" s="163"/>
      <c r="E15" s="45" t="s">
        <v>61</v>
      </c>
      <c r="F15" s="46"/>
      <c r="G15" s="128" t="s">
        <v>60</v>
      </c>
      <c r="H15" s="129"/>
      <c r="I15" s="129"/>
      <c r="J15" s="130"/>
      <c r="K15" s="190"/>
      <c r="L15" s="190"/>
      <c r="M15" s="191"/>
    </row>
    <row r="16" spans="1:13" s="4" customFormat="1" ht="16.5" customHeight="1">
      <c r="A16" s="6"/>
      <c r="C16" s="162"/>
      <c r="D16" s="163"/>
      <c r="E16" s="45"/>
      <c r="F16" s="46"/>
      <c r="G16" s="47" t="s">
        <v>59</v>
      </c>
      <c r="H16" s="48"/>
      <c r="I16" s="48"/>
      <c r="J16" s="49"/>
      <c r="K16" s="190"/>
      <c r="L16" s="190"/>
      <c r="M16" s="191"/>
    </row>
    <row r="17" spans="1:13" s="4" customFormat="1" ht="16.5" customHeight="1">
      <c r="A17" s="6"/>
      <c r="C17" s="162"/>
      <c r="D17" s="163"/>
      <c r="E17" s="45"/>
      <c r="F17" s="46"/>
      <c r="G17" s="47" t="s">
        <v>58</v>
      </c>
      <c r="H17" s="48"/>
      <c r="I17" s="48"/>
      <c r="J17" s="49"/>
      <c r="K17" s="190"/>
      <c r="L17" s="190"/>
      <c r="M17" s="191"/>
    </row>
    <row r="18" spans="1:13" s="4" customFormat="1" ht="16.5" customHeight="1">
      <c r="A18" s="6"/>
      <c r="C18" s="162"/>
      <c r="D18" s="163"/>
      <c r="E18" s="45"/>
      <c r="F18" s="46"/>
      <c r="G18" s="50" t="s">
        <v>57</v>
      </c>
      <c r="H18" s="51"/>
      <c r="I18" s="51"/>
      <c r="J18" s="52"/>
      <c r="K18" s="190"/>
      <c r="L18" s="190"/>
      <c r="M18" s="191"/>
    </row>
    <row r="19" spans="1:13" s="4" customFormat="1" ht="16.5" customHeight="1">
      <c r="A19" s="6" t="s">
        <v>2</v>
      </c>
      <c r="C19" s="162"/>
      <c r="D19" s="163"/>
      <c r="E19" s="45" t="s">
        <v>56</v>
      </c>
      <c r="F19" s="46"/>
      <c r="G19" s="53" t="s">
        <v>54</v>
      </c>
      <c r="H19" s="54"/>
      <c r="I19" s="54"/>
      <c r="J19" s="55"/>
      <c r="K19" s="46"/>
      <c r="L19" s="46"/>
      <c r="M19" s="56"/>
    </row>
    <row r="20" spans="1:13" s="4" customFormat="1" ht="16.5" customHeight="1">
      <c r="A20" s="6"/>
      <c r="C20" s="162"/>
      <c r="D20" s="163"/>
      <c r="E20" s="45"/>
      <c r="F20" s="46"/>
      <c r="G20" s="57" t="s">
        <v>49</v>
      </c>
      <c r="H20" s="58"/>
      <c r="I20" s="58"/>
      <c r="J20" s="59"/>
      <c r="K20" s="46"/>
      <c r="L20" s="46"/>
      <c r="M20" s="56"/>
    </row>
    <row r="21" spans="1:13" s="4" customFormat="1" ht="16.5" customHeight="1">
      <c r="A21" s="6" t="s">
        <v>2</v>
      </c>
      <c r="C21" s="162"/>
      <c r="D21" s="163"/>
      <c r="E21" s="171" t="s">
        <v>55</v>
      </c>
      <c r="F21" s="172"/>
      <c r="G21" s="53" t="s">
        <v>54</v>
      </c>
      <c r="H21" s="54"/>
      <c r="I21" s="54"/>
      <c r="J21" s="55"/>
      <c r="K21" s="46"/>
      <c r="L21" s="46"/>
      <c r="M21" s="56"/>
    </row>
    <row r="22" spans="1:13" s="4" customFormat="1" ht="16.5" customHeight="1">
      <c r="A22" s="6"/>
      <c r="C22" s="162"/>
      <c r="D22" s="163"/>
      <c r="E22" s="171"/>
      <c r="F22" s="172"/>
      <c r="G22" s="57" t="s">
        <v>49</v>
      </c>
      <c r="H22" s="58"/>
      <c r="I22" s="58"/>
      <c r="J22" s="59"/>
      <c r="K22" s="46"/>
      <c r="L22" s="46"/>
      <c r="M22" s="56"/>
    </row>
    <row r="23" spans="1:13" s="4" customFormat="1" ht="16.5" customHeight="1">
      <c r="A23" s="6" t="s">
        <v>2</v>
      </c>
      <c r="C23" s="162"/>
      <c r="D23" s="164"/>
      <c r="E23" s="182" t="s">
        <v>53</v>
      </c>
      <c r="F23" s="185" t="s">
        <v>52</v>
      </c>
      <c r="G23" s="53" t="s">
        <v>51</v>
      </c>
      <c r="H23" s="54"/>
      <c r="I23" s="54"/>
      <c r="J23" s="55"/>
      <c r="K23" s="178"/>
      <c r="L23" s="179"/>
      <c r="M23" s="180"/>
    </row>
    <row r="24" spans="1:13" s="4" customFormat="1" ht="68.25" customHeight="1">
      <c r="A24" s="6"/>
      <c r="C24" s="162"/>
      <c r="D24" s="164"/>
      <c r="E24" s="183"/>
      <c r="F24" s="185"/>
      <c r="G24" s="186" t="s">
        <v>50</v>
      </c>
      <c r="H24" s="187"/>
      <c r="I24" s="187"/>
      <c r="J24" s="188"/>
      <c r="K24" s="178"/>
      <c r="L24" s="179"/>
      <c r="M24" s="180"/>
    </row>
    <row r="25" spans="1:13" s="4" customFormat="1" ht="16.5" customHeight="1">
      <c r="A25" s="6"/>
      <c r="C25" s="162"/>
      <c r="D25" s="164"/>
      <c r="E25" s="183"/>
      <c r="F25" s="46"/>
      <c r="G25" s="22" t="s">
        <v>49</v>
      </c>
      <c r="K25" s="178"/>
      <c r="L25" s="179"/>
      <c r="M25" s="180"/>
    </row>
    <row r="26" spans="1:13" s="4" customFormat="1" ht="34.5" customHeight="1">
      <c r="A26" s="6"/>
      <c r="C26" s="162"/>
      <c r="D26" s="164"/>
      <c r="E26" s="183"/>
      <c r="F26" s="189" t="s">
        <v>48</v>
      </c>
      <c r="G26" s="53" t="s">
        <v>47</v>
      </c>
      <c r="H26" s="54"/>
      <c r="I26" s="54"/>
      <c r="J26" s="55"/>
      <c r="K26" s="178"/>
      <c r="L26" s="179"/>
      <c r="M26" s="180"/>
    </row>
    <row r="27" spans="1:13" s="4" customFormat="1" ht="20.25" customHeight="1">
      <c r="A27" s="6"/>
      <c r="C27" s="162"/>
      <c r="D27" s="164"/>
      <c r="E27" s="184"/>
      <c r="F27" s="185"/>
      <c r="G27" s="22" t="s">
        <v>46</v>
      </c>
      <c r="H27" s="21"/>
      <c r="I27" s="21"/>
      <c r="J27" s="20"/>
      <c r="K27" s="178"/>
      <c r="L27" s="179"/>
      <c r="M27" s="180"/>
    </row>
    <row r="28" spans="1:13" s="19" customFormat="1" ht="16.5" customHeight="1" thickBot="1">
      <c r="A28" s="6" t="s">
        <v>2</v>
      </c>
      <c r="C28" s="162"/>
      <c r="D28" s="164"/>
      <c r="E28" s="175" t="s">
        <v>45</v>
      </c>
      <c r="F28" s="137"/>
      <c r="G28" s="176"/>
      <c r="H28" s="177"/>
      <c r="I28" s="177"/>
      <c r="J28" s="137"/>
      <c r="K28" s="176"/>
      <c r="L28" s="177"/>
      <c r="M28" s="181"/>
    </row>
    <row r="29" spans="1:13" s="4" customFormat="1" ht="13.5" customHeight="1">
      <c r="A29" s="6"/>
      <c r="C29" s="60" t="s">
        <v>44</v>
      </c>
      <c r="D29" s="63" t="s">
        <v>43</v>
      </c>
      <c r="E29" s="63"/>
      <c r="F29" s="64"/>
      <c r="G29" s="64"/>
      <c r="H29" s="65" t="s">
        <v>42</v>
      </c>
      <c r="I29" s="66"/>
      <c r="J29" s="66"/>
      <c r="K29" s="66"/>
      <c r="L29" s="64" t="s">
        <v>41</v>
      </c>
      <c r="M29" s="67"/>
    </row>
    <row r="30" spans="1:13" s="4" customFormat="1" ht="13.5" customHeight="1">
      <c r="A30" s="6" t="s">
        <v>2</v>
      </c>
      <c r="C30" s="61"/>
      <c r="D30" s="127" t="s">
        <v>40</v>
      </c>
      <c r="E30" s="127"/>
      <c r="F30" s="46"/>
      <c r="G30" s="46"/>
      <c r="H30" s="140" t="s">
        <v>39</v>
      </c>
      <c r="I30" s="149"/>
      <c r="J30" s="149"/>
      <c r="K30" s="150"/>
      <c r="L30" s="131" t="s">
        <v>28</v>
      </c>
      <c r="M30" s="132"/>
    </row>
    <row r="31" spans="1:13" s="4" customFormat="1" ht="13.5" customHeight="1">
      <c r="A31" s="6"/>
      <c r="C31" s="61"/>
      <c r="D31" s="127"/>
      <c r="E31" s="127"/>
      <c r="F31" s="46"/>
      <c r="G31" s="46"/>
      <c r="H31" s="151"/>
      <c r="I31" s="152"/>
      <c r="J31" s="152"/>
      <c r="K31" s="153"/>
      <c r="L31" s="135" t="s">
        <v>27</v>
      </c>
      <c r="M31" s="136"/>
    </row>
    <row r="32" spans="1:13" s="4" customFormat="1" ht="13.5" customHeight="1">
      <c r="A32" s="6"/>
      <c r="C32" s="61"/>
      <c r="D32" s="127"/>
      <c r="E32" s="127"/>
      <c r="F32" s="46"/>
      <c r="G32" s="46"/>
      <c r="H32" s="154"/>
      <c r="I32" s="155"/>
      <c r="J32" s="155"/>
      <c r="K32" s="156"/>
      <c r="L32" s="133" t="s">
        <v>36</v>
      </c>
      <c r="M32" s="134"/>
    </row>
    <row r="33" spans="1:13" s="4" customFormat="1" ht="13.5" customHeight="1">
      <c r="A33" s="6" t="s">
        <v>2</v>
      </c>
      <c r="C33" s="61"/>
      <c r="D33" s="139" t="s">
        <v>38</v>
      </c>
      <c r="E33" s="139"/>
      <c r="F33" s="77"/>
      <c r="G33" s="77"/>
      <c r="H33" s="140" t="s">
        <v>37</v>
      </c>
      <c r="I33" s="141"/>
      <c r="J33" s="141"/>
      <c r="K33" s="142"/>
      <c r="L33" s="131" t="s">
        <v>28</v>
      </c>
      <c r="M33" s="132"/>
    </row>
    <row r="34" spans="1:13" s="4" customFormat="1" ht="13.5" customHeight="1">
      <c r="A34" s="6"/>
      <c r="C34" s="61"/>
      <c r="D34" s="139"/>
      <c r="E34" s="139"/>
      <c r="F34" s="77"/>
      <c r="G34" s="77"/>
      <c r="H34" s="143"/>
      <c r="I34" s="144"/>
      <c r="J34" s="144"/>
      <c r="K34" s="145"/>
      <c r="L34" s="135" t="s">
        <v>27</v>
      </c>
      <c r="M34" s="136"/>
    </row>
    <row r="35" spans="1:13" s="4" customFormat="1" ht="13.5" customHeight="1">
      <c r="A35" s="6"/>
      <c r="C35" s="61"/>
      <c r="D35" s="139"/>
      <c r="E35" s="139"/>
      <c r="F35" s="77"/>
      <c r="G35" s="77"/>
      <c r="H35" s="146"/>
      <c r="I35" s="147"/>
      <c r="J35" s="147"/>
      <c r="K35" s="148"/>
      <c r="L35" s="133" t="s">
        <v>36</v>
      </c>
      <c r="M35" s="134"/>
    </row>
    <row r="36" spans="1:13" s="4" customFormat="1" ht="13.5" customHeight="1">
      <c r="A36" s="6" t="s">
        <v>2</v>
      </c>
      <c r="C36" s="61"/>
      <c r="D36" s="45" t="s">
        <v>35</v>
      </c>
      <c r="E36" s="127"/>
      <c r="F36" s="46"/>
      <c r="G36" s="46"/>
      <c r="H36" s="128" t="s">
        <v>34</v>
      </c>
      <c r="I36" s="129"/>
      <c r="J36" s="129"/>
      <c r="K36" s="130"/>
      <c r="L36" s="131" t="s">
        <v>28</v>
      </c>
      <c r="M36" s="132"/>
    </row>
    <row r="37" spans="1:13" s="4" customFormat="1" ht="13.5" customHeight="1">
      <c r="A37" s="6"/>
      <c r="C37" s="61"/>
      <c r="D37" s="45"/>
      <c r="E37" s="127"/>
      <c r="F37" s="46"/>
      <c r="G37" s="46"/>
      <c r="H37" s="57" t="s">
        <v>33</v>
      </c>
      <c r="I37" s="58"/>
      <c r="J37" s="58"/>
      <c r="K37" s="59"/>
      <c r="L37" s="133" t="s">
        <v>27</v>
      </c>
      <c r="M37" s="134"/>
    </row>
    <row r="38" spans="1:13" s="4" customFormat="1" ht="13.5" customHeight="1">
      <c r="A38" s="6" t="s">
        <v>10</v>
      </c>
      <c r="C38" s="61"/>
      <c r="D38" s="127" t="s">
        <v>32</v>
      </c>
      <c r="E38" s="127"/>
      <c r="F38" s="46"/>
      <c r="G38" s="46"/>
      <c r="H38" s="140" t="s">
        <v>31</v>
      </c>
      <c r="I38" s="141"/>
      <c r="J38" s="141"/>
      <c r="K38" s="142"/>
      <c r="L38" s="131" t="s">
        <v>28</v>
      </c>
      <c r="M38" s="132"/>
    </row>
    <row r="39" spans="1:13" s="4" customFormat="1" ht="13.5" customHeight="1">
      <c r="A39" s="6"/>
      <c r="C39" s="61"/>
      <c r="D39" s="127"/>
      <c r="E39" s="127"/>
      <c r="F39" s="46"/>
      <c r="G39" s="46"/>
      <c r="H39" s="146"/>
      <c r="I39" s="147"/>
      <c r="J39" s="147"/>
      <c r="K39" s="148"/>
      <c r="L39" s="135" t="s">
        <v>27</v>
      </c>
      <c r="M39" s="136"/>
    </row>
    <row r="40" spans="1:13" s="4" customFormat="1" ht="13.5" customHeight="1">
      <c r="A40" s="6" t="s">
        <v>10</v>
      </c>
      <c r="C40" s="61"/>
      <c r="D40" s="127" t="s">
        <v>30</v>
      </c>
      <c r="E40" s="127"/>
      <c r="F40" s="46"/>
      <c r="G40" s="46"/>
      <c r="H40" s="128" t="s">
        <v>29</v>
      </c>
      <c r="I40" s="129"/>
      <c r="J40" s="129"/>
      <c r="K40" s="130"/>
      <c r="L40" s="131" t="s">
        <v>28</v>
      </c>
      <c r="M40" s="132"/>
    </row>
    <row r="41" spans="1:13" s="4" customFormat="1" ht="13.5" customHeight="1" thickBot="1">
      <c r="A41" s="6"/>
      <c r="C41" s="62"/>
      <c r="D41" s="137"/>
      <c r="E41" s="137"/>
      <c r="F41" s="138"/>
      <c r="G41" s="138"/>
      <c r="H41" s="157"/>
      <c r="I41" s="158"/>
      <c r="J41" s="158"/>
      <c r="K41" s="159"/>
      <c r="L41" s="160" t="s">
        <v>27</v>
      </c>
      <c r="M41" s="161"/>
    </row>
    <row r="42" spans="1:13" s="4" customFormat="1" ht="13.5" customHeight="1">
      <c r="A42" s="6" t="s">
        <v>10</v>
      </c>
      <c r="C42" s="115" t="s">
        <v>26</v>
      </c>
      <c r="D42" s="116"/>
      <c r="E42" s="116"/>
      <c r="F42" s="116"/>
      <c r="G42" s="117"/>
      <c r="H42" s="121" t="s">
        <v>25</v>
      </c>
      <c r="I42" s="121"/>
      <c r="J42" s="121"/>
      <c r="K42" s="121"/>
      <c r="L42" s="121"/>
      <c r="M42" s="122"/>
    </row>
    <row r="43" spans="1:13" s="4" customFormat="1" ht="13.5" customHeight="1">
      <c r="A43" s="6"/>
      <c r="C43" s="104"/>
      <c r="D43" s="105"/>
      <c r="E43" s="105"/>
      <c r="F43" s="105"/>
      <c r="G43" s="106"/>
      <c r="H43" s="113" t="s">
        <v>24</v>
      </c>
      <c r="I43" s="113"/>
      <c r="J43" s="113"/>
      <c r="K43" s="113"/>
      <c r="L43" s="113"/>
      <c r="M43" s="114"/>
    </row>
    <row r="44" spans="1:13" s="4" customFormat="1" ht="13.5" customHeight="1">
      <c r="A44" s="6"/>
      <c r="C44" s="118"/>
      <c r="D44" s="119"/>
      <c r="E44" s="119"/>
      <c r="F44" s="119"/>
      <c r="G44" s="120"/>
      <c r="H44" s="125" t="s">
        <v>23</v>
      </c>
      <c r="I44" s="125"/>
      <c r="J44" s="125"/>
      <c r="K44" s="125"/>
      <c r="L44" s="125"/>
      <c r="M44" s="126"/>
    </row>
    <row r="45" spans="1:13" s="4" customFormat="1" ht="13.5" customHeight="1">
      <c r="A45" s="6" t="s">
        <v>10</v>
      </c>
      <c r="C45" s="101" t="s">
        <v>22</v>
      </c>
      <c r="D45" s="102"/>
      <c r="E45" s="102"/>
      <c r="F45" s="102"/>
      <c r="G45" s="103"/>
      <c r="H45" s="110" t="s">
        <v>21</v>
      </c>
      <c r="I45" s="111"/>
      <c r="J45" s="111"/>
      <c r="K45" s="111"/>
      <c r="L45" s="111"/>
      <c r="M45" s="112"/>
    </row>
    <row r="46" spans="1:13" s="4" customFormat="1" ht="13.5" customHeight="1">
      <c r="A46" s="6"/>
      <c r="C46" s="104"/>
      <c r="D46" s="105"/>
      <c r="E46" s="105"/>
      <c r="F46" s="105"/>
      <c r="G46" s="106"/>
      <c r="H46" s="113" t="s">
        <v>20</v>
      </c>
      <c r="I46" s="113"/>
      <c r="J46" s="113"/>
      <c r="K46" s="113"/>
      <c r="L46" s="113"/>
      <c r="M46" s="114"/>
    </row>
    <row r="47" spans="1:13" s="4" customFormat="1" ht="13.5" customHeight="1" thickBot="1">
      <c r="A47" s="6"/>
      <c r="C47" s="107"/>
      <c r="D47" s="108"/>
      <c r="E47" s="108"/>
      <c r="F47" s="108"/>
      <c r="G47" s="109"/>
      <c r="H47" s="123" t="s">
        <v>19</v>
      </c>
      <c r="I47" s="123"/>
      <c r="J47" s="123"/>
      <c r="K47" s="123"/>
      <c r="L47" s="123"/>
      <c r="M47" s="124"/>
    </row>
    <row r="48" spans="1:13" s="4" customFormat="1" ht="13.5" customHeight="1" thickBot="1">
      <c r="A48" s="6" t="s">
        <v>10</v>
      </c>
      <c r="C48" s="68" t="s">
        <v>18</v>
      </c>
      <c r="D48" s="69"/>
      <c r="E48" s="69"/>
      <c r="F48" s="69"/>
      <c r="G48" s="70"/>
      <c r="H48" s="9" t="s">
        <v>17</v>
      </c>
      <c r="I48" s="8"/>
      <c r="J48" s="8"/>
      <c r="K48" s="8"/>
      <c r="L48" s="8"/>
      <c r="M48" s="7"/>
    </row>
    <row r="49" spans="1:13" s="4" customFormat="1" ht="13.5" customHeight="1">
      <c r="A49" s="6"/>
      <c r="C49" s="93" t="s">
        <v>16</v>
      </c>
      <c r="D49" s="86" t="s">
        <v>15</v>
      </c>
      <c r="E49" s="87"/>
      <c r="F49" s="87"/>
      <c r="G49" s="88"/>
      <c r="H49" s="65" t="s">
        <v>14</v>
      </c>
      <c r="I49" s="66"/>
      <c r="J49" s="65" t="s">
        <v>13</v>
      </c>
      <c r="K49" s="63"/>
      <c r="L49" s="99" t="s">
        <v>12</v>
      </c>
      <c r="M49" s="100"/>
    </row>
    <row r="50" spans="1:13" s="4" customFormat="1" ht="13.5" customHeight="1">
      <c r="A50" s="6" t="s">
        <v>10</v>
      </c>
      <c r="C50" s="94"/>
      <c r="D50" s="89"/>
      <c r="E50" s="90"/>
      <c r="F50" s="90"/>
      <c r="G50" s="91"/>
      <c r="H50" s="77" t="s">
        <v>11</v>
      </c>
      <c r="I50" s="77"/>
      <c r="J50" s="78" t="s">
        <v>6</v>
      </c>
      <c r="K50" s="79"/>
      <c r="L50" s="82" t="s">
        <v>5</v>
      </c>
      <c r="M50" s="83"/>
    </row>
    <row r="51" spans="1:13" s="4" customFormat="1" ht="13.5" customHeight="1">
      <c r="A51" s="6"/>
      <c r="C51" s="94"/>
      <c r="D51" s="89"/>
      <c r="E51" s="90"/>
      <c r="F51" s="90"/>
      <c r="G51" s="91"/>
      <c r="H51" s="77"/>
      <c r="I51" s="77"/>
      <c r="J51" s="80"/>
      <c r="K51" s="81"/>
      <c r="L51" s="84" t="s">
        <v>4</v>
      </c>
      <c r="M51" s="85"/>
    </row>
    <row r="52" spans="1:13" s="4" customFormat="1" ht="13.5" customHeight="1">
      <c r="A52" s="6" t="s">
        <v>10</v>
      </c>
      <c r="C52" s="94"/>
      <c r="D52" s="89"/>
      <c r="E52" s="90"/>
      <c r="F52" s="90"/>
      <c r="G52" s="91"/>
      <c r="H52" s="77" t="s">
        <v>9</v>
      </c>
      <c r="I52" s="77"/>
      <c r="J52" s="78" t="s">
        <v>6</v>
      </c>
      <c r="K52" s="79"/>
      <c r="L52" s="82" t="s">
        <v>5</v>
      </c>
      <c r="M52" s="83"/>
    </row>
    <row r="53" spans="1:13" s="4" customFormat="1" ht="13.5" customHeight="1">
      <c r="A53" s="6"/>
      <c r="C53" s="94"/>
      <c r="D53" s="89"/>
      <c r="E53" s="90"/>
      <c r="F53" s="90"/>
      <c r="G53" s="91"/>
      <c r="H53" s="77"/>
      <c r="I53" s="77"/>
      <c r="J53" s="80"/>
      <c r="K53" s="81"/>
      <c r="L53" s="84" t="s">
        <v>4</v>
      </c>
      <c r="M53" s="85"/>
    </row>
    <row r="54" spans="1:13" s="4" customFormat="1" ht="13.5" customHeight="1">
      <c r="A54" s="6" t="s">
        <v>8</v>
      </c>
      <c r="C54" s="94"/>
      <c r="D54" s="89"/>
      <c r="E54" s="90"/>
      <c r="F54" s="90"/>
      <c r="G54" s="91"/>
      <c r="H54" s="77" t="s">
        <v>7</v>
      </c>
      <c r="I54" s="77"/>
      <c r="J54" s="78" t="s">
        <v>6</v>
      </c>
      <c r="K54" s="79"/>
      <c r="L54" s="82" t="s">
        <v>5</v>
      </c>
      <c r="M54" s="83"/>
    </row>
    <row r="55" spans="1:13" s="4" customFormat="1" ht="13.5" customHeight="1">
      <c r="A55" s="6"/>
      <c r="C55" s="94"/>
      <c r="D55" s="92"/>
      <c r="E55" s="58"/>
      <c r="F55" s="58"/>
      <c r="G55" s="59"/>
      <c r="H55" s="77"/>
      <c r="I55" s="77"/>
      <c r="J55" s="80"/>
      <c r="K55" s="81"/>
      <c r="L55" s="84" t="s">
        <v>4</v>
      </c>
      <c r="M55" s="85"/>
    </row>
    <row r="56" spans="1:13" s="4" customFormat="1" ht="13.5" customHeight="1" thickBot="1">
      <c r="A56" s="6"/>
      <c r="C56" s="95"/>
      <c r="D56" s="96" t="s">
        <v>3</v>
      </c>
      <c r="E56" s="97"/>
      <c r="F56" s="97"/>
      <c r="G56" s="97"/>
      <c r="H56" s="97"/>
      <c r="I56" s="97"/>
      <c r="J56" s="97"/>
      <c r="K56" s="97"/>
      <c r="L56" s="97"/>
      <c r="M56" s="98"/>
    </row>
    <row r="57" spans="1:13" s="4" customFormat="1" ht="15" customHeight="1">
      <c r="A57" s="5" t="s">
        <v>2</v>
      </c>
      <c r="C57" s="71" t="s">
        <v>1</v>
      </c>
      <c r="D57" s="72"/>
      <c r="E57" s="72"/>
      <c r="F57" s="72"/>
      <c r="G57" s="72"/>
      <c r="H57" s="72"/>
      <c r="I57" s="72"/>
      <c r="J57" s="72"/>
      <c r="K57" s="72"/>
      <c r="L57" s="72"/>
      <c r="M57" s="73"/>
    </row>
    <row r="58" spans="1:13" ht="11.25" customHeight="1" thickBot="1">
      <c r="A58" s="3"/>
      <c r="C58" s="74"/>
      <c r="D58" s="75"/>
      <c r="E58" s="75"/>
      <c r="F58" s="75"/>
      <c r="G58" s="75"/>
      <c r="H58" s="75"/>
      <c r="I58" s="75"/>
      <c r="J58" s="75"/>
      <c r="K58" s="75"/>
      <c r="L58" s="75"/>
      <c r="M58" s="76"/>
    </row>
    <row r="59" spans="1:13" ht="2.25" customHeight="1"/>
    <row r="60" spans="1:13" ht="10.5" customHeight="1"/>
    <row r="61" spans="1:13">
      <c r="A61" s="2" t="s">
        <v>0</v>
      </c>
    </row>
  </sheetData>
  <mergeCells count="101">
    <mergeCell ref="L2:M2"/>
    <mergeCell ref="C3:M3"/>
    <mergeCell ref="C4:F5"/>
    <mergeCell ref="G4:M4"/>
    <mergeCell ref="G5:M5"/>
    <mergeCell ref="C6:D10"/>
    <mergeCell ref="G6:M6"/>
    <mergeCell ref="G7:M7"/>
    <mergeCell ref="G8:M8"/>
    <mergeCell ref="E6:F7"/>
    <mergeCell ref="E8:F10"/>
    <mergeCell ref="G9:M9"/>
    <mergeCell ref="G10:M10"/>
    <mergeCell ref="C11:D28"/>
    <mergeCell ref="G11:J12"/>
    <mergeCell ref="K11:M12"/>
    <mergeCell ref="G13:J13"/>
    <mergeCell ref="E21:F22"/>
    <mergeCell ref="K13:M14"/>
    <mergeCell ref="G14:J14"/>
    <mergeCell ref="G15:J15"/>
    <mergeCell ref="E28:F28"/>
    <mergeCell ref="G21:J21"/>
    <mergeCell ref="G26:J26"/>
    <mergeCell ref="G28:J28"/>
    <mergeCell ref="K23:M25"/>
    <mergeCell ref="K26:M27"/>
    <mergeCell ref="K28:M28"/>
    <mergeCell ref="G22:J22"/>
    <mergeCell ref="E23:E27"/>
    <mergeCell ref="F23:F25"/>
    <mergeCell ref="G23:J23"/>
    <mergeCell ref="G24:J24"/>
    <mergeCell ref="F26:F27"/>
    <mergeCell ref="K21:M22"/>
    <mergeCell ref="K15:M18"/>
    <mergeCell ref="G16:J16"/>
    <mergeCell ref="L32:M32"/>
    <mergeCell ref="D33:G35"/>
    <mergeCell ref="H33:K35"/>
    <mergeCell ref="L33:M33"/>
    <mergeCell ref="L34:M34"/>
    <mergeCell ref="L35:M35"/>
    <mergeCell ref="D30:G32"/>
    <mergeCell ref="H30:K32"/>
    <mergeCell ref="L30:M30"/>
    <mergeCell ref="L31:M31"/>
    <mergeCell ref="C45:G47"/>
    <mergeCell ref="H45:M45"/>
    <mergeCell ref="H46:M46"/>
    <mergeCell ref="C42:G44"/>
    <mergeCell ref="H42:M42"/>
    <mergeCell ref="H47:M47"/>
    <mergeCell ref="H43:M43"/>
    <mergeCell ref="H44:M44"/>
    <mergeCell ref="D36:G37"/>
    <mergeCell ref="H36:K36"/>
    <mergeCell ref="L36:M36"/>
    <mergeCell ref="H37:K37"/>
    <mergeCell ref="L37:M37"/>
    <mergeCell ref="L38:M38"/>
    <mergeCell ref="L39:M39"/>
    <mergeCell ref="D40:G41"/>
    <mergeCell ref="D38:G39"/>
    <mergeCell ref="H38:K39"/>
    <mergeCell ref="H40:K41"/>
    <mergeCell ref="L40:M40"/>
    <mergeCell ref="L41:M41"/>
    <mergeCell ref="C29:C41"/>
    <mergeCell ref="D29:G29"/>
    <mergeCell ref="H29:K29"/>
    <mergeCell ref="L29:M29"/>
    <mergeCell ref="C48:G48"/>
    <mergeCell ref="C57:M58"/>
    <mergeCell ref="H50:I51"/>
    <mergeCell ref="J50:K51"/>
    <mergeCell ref="L50:M50"/>
    <mergeCell ref="L51:M51"/>
    <mergeCell ref="H52:I53"/>
    <mergeCell ref="J52:K53"/>
    <mergeCell ref="L52:M52"/>
    <mergeCell ref="D49:G55"/>
    <mergeCell ref="H49:I49"/>
    <mergeCell ref="J49:K49"/>
    <mergeCell ref="L53:M53"/>
    <mergeCell ref="C49:C56"/>
    <mergeCell ref="H54:I55"/>
    <mergeCell ref="J54:K55"/>
    <mergeCell ref="L54:M54"/>
    <mergeCell ref="L55:M55"/>
    <mergeCell ref="D56:M56"/>
    <mergeCell ref="L49:M49"/>
    <mergeCell ref="E11:F12"/>
    <mergeCell ref="E13:F14"/>
    <mergeCell ref="E15:F18"/>
    <mergeCell ref="E19:F20"/>
    <mergeCell ref="G17:J17"/>
    <mergeCell ref="G18:J18"/>
    <mergeCell ref="G19:J19"/>
    <mergeCell ref="K19:M20"/>
    <mergeCell ref="G20:J20"/>
  </mergeCells>
  <phoneticPr fontId="2"/>
  <printOptions horizontalCentered="1"/>
  <pageMargins left="0.74803149606299213" right="0.31496062992125984" top="0.43307086614173229" bottom="0.27559055118110237" header="0.39370078740157483" footer="0.43307086614173229"/>
  <pageSetup paperSize="9" scale="8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M53"/>
  <sheetViews>
    <sheetView zoomScaleNormal="100" zoomScaleSheetLayoutView="100" workbookViewId="0">
      <selection activeCell="C4" sqref="C4:F5"/>
    </sheetView>
  </sheetViews>
  <sheetFormatPr defaultRowHeight="14.25"/>
  <cols>
    <col min="1" max="1" width="4.625" style="1" customWidth="1"/>
    <col min="2" max="2" width="1.625" style="1" customWidth="1"/>
    <col min="3" max="3" width="3.125" style="1" customWidth="1"/>
    <col min="4" max="4" width="8.125" style="1" customWidth="1"/>
    <col min="5" max="5" width="6.5" style="1" customWidth="1"/>
    <col min="6" max="6" width="8.25" style="1" customWidth="1"/>
    <col min="7" max="7" width="7.5" style="1" customWidth="1"/>
    <col min="8" max="8" width="7.625" style="1" customWidth="1"/>
    <col min="9" max="9" width="16.625" style="1" customWidth="1"/>
    <col min="10" max="10" width="3.625" style="1" customWidth="1"/>
    <col min="11" max="11" width="9.625" style="1" customWidth="1"/>
    <col min="12" max="12" width="10.875" style="1" customWidth="1"/>
    <col min="13" max="13" width="12.625" style="1" customWidth="1"/>
    <col min="14" max="16384" width="9" style="1"/>
  </cols>
  <sheetData>
    <row r="1" spans="1:13" ht="15" thickBot="1">
      <c r="A1" s="26" t="s">
        <v>125</v>
      </c>
      <c r="M1" s="27" t="s">
        <v>124</v>
      </c>
    </row>
    <row r="2" spans="1:13" ht="15" thickBot="1">
      <c r="C2" s="26"/>
      <c r="H2" s="192" t="s">
        <v>123</v>
      </c>
      <c r="I2" s="257"/>
      <c r="J2" s="257"/>
      <c r="K2" s="257"/>
      <c r="L2" s="257"/>
      <c r="M2" s="193"/>
    </row>
    <row r="3" spans="1:13" ht="24.75" thickBot="1">
      <c r="A3" s="31" t="s">
        <v>77</v>
      </c>
      <c r="C3" s="194" t="s">
        <v>76</v>
      </c>
      <c r="D3" s="194"/>
      <c r="E3" s="194"/>
      <c r="F3" s="194"/>
      <c r="G3" s="194"/>
      <c r="H3" s="194"/>
      <c r="I3" s="194"/>
      <c r="J3" s="194"/>
      <c r="K3" s="194"/>
      <c r="L3" s="194"/>
      <c r="M3" s="194"/>
    </row>
    <row r="4" spans="1:13" s="29" customFormat="1" ht="15" customHeight="1">
      <c r="A4" s="30" t="s">
        <v>2</v>
      </c>
      <c r="C4" s="195" t="s">
        <v>122</v>
      </c>
      <c r="D4" s="196"/>
      <c r="E4" s="196"/>
      <c r="F4" s="196"/>
      <c r="G4" s="260" t="s">
        <v>121</v>
      </c>
      <c r="H4" s="198"/>
      <c r="I4" s="198"/>
      <c r="J4" s="198"/>
      <c r="K4" s="198"/>
      <c r="L4" s="198"/>
      <c r="M4" s="199"/>
    </row>
    <row r="5" spans="1:13" s="29" customFormat="1" ht="15" customHeight="1" thickBot="1">
      <c r="A5" s="6"/>
      <c r="C5" s="258"/>
      <c r="D5" s="259"/>
      <c r="E5" s="259"/>
      <c r="F5" s="259"/>
      <c r="G5" s="261" t="s">
        <v>120</v>
      </c>
      <c r="H5" s="200"/>
      <c r="I5" s="200"/>
      <c r="J5" s="200"/>
      <c r="K5" s="200"/>
      <c r="L5" s="200"/>
      <c r="M5" s="201"/>
    </row>
    <row r="6" spans="1:13" s="26" customFormat="1" ht="16.5" customHeight="1">
      <c r="A6" s="6" t="s">
        <v>2</v>
      </c>
      <c r="C6" s="202" t="s">
        <v>65</v>
      </c>
      <c r="D6" s="168"/>
      <c r="E6" s="86" t="s">
        <v>119</v>
      </c>
      <c r="F6" s="88"/>
      <c r="G6" s="206" t="s">
        <v>71</v>
      </c>
      <c r="H6" s="207"/>
      <c r="I6" s="207"/>
      <c r="J6" s="207"/>
      <c r="K6" s="207"/>
      <c r="L6" s="207"/>
      <c r="M6" s="208"/>
    </row>
    <row r="7" spans="1:13" s="26" customFormat="1" ht="16.5" customHeight="1">
      <c r="A7" s="6"/>
      <c r="C7" s="203"/>
      <c r="D7" s="170"/>
      <c r="E7" s="92"/>
      <c r="F7" s="59"/>
      <c r="G7" s="50" t="s">
        <v>115</v>
      </c>
      <c r="H7" s="51"/>
      <c r="I7" s="51"/>
      <c r="J7" s="51"/>
      <c r="K7" s="51"/>
      <c r="L7" s="51"/>
      <c r="M7" s="209"/>
    </row>
    <row r="8" spans="1:13" s="26" customFormat="1" ht="16.5" customHeight="1">
      <c r="A8" s="6" t="s">
        <v>2</v>
      </c>
      <c r="C8" s="203"/>
      <c r="D8" s="170"/>
      <c r="E8" s="211" t="s">
        <v>118</v>
      </c>
      <c r="F8" s="55"/>
      <c r="G8" s="128" t="s">
        <v>117</v>
      </c>
      <c r="H8" s="129"/>
      <c r="I8" s="129"/>
      <c r="J8" s="129"/>
      <c r="K8" s="129"/>
      <c r="L8" s="129"/>
      <c r="M8" s="210"/>
    </row>
    <row r="9" spans="1:13" s="26" customFormat="1" ht="16.5" customHeight="1">
      <c r="A9" s="6"/>
      <c r="C9" s="203"/>
      <c r="D9" s="170"/>
      <c r="E9" s="89"/>
      <c r="F9" s="91"/>
      <c r="G9" s="47" t="s">
        <v>116</v>
      </c>
      <c r="H9" s="48"/>
      <c r="I9" s="48"/>
      <c r="J9" s="48"/>
      <c r="K9" s="48"/>
      <c r="L9" s="48"/>
      <c r="M9" s="212"/>
    </row>
    <row r="10" spans="1:13" s="26" customFormat="1" ht="16.5" customHeight="1" thickBot="1">
      <c r="A10" s="6"/>
      <c r="C10" s="204"/>
      <c r="D10" s="205"/>
      <c r="E10" s="265"/>
      <c r="F10" s="266"/>
      <c r="G10" s="157" t="s">
        <v>115</v>
      </c>
      <c r="H10" s="158"/>
      <c r="I10" s="158"/>
      <c r="J10" s="158"/>
      <c r="K10" s="158"/>
      <c r="L10" s="158"/>
      <c r="M10" s="213"/>
    </row>
    <row r="11" spans="1:13" s="26" customFormat="1" ht="18.600000000000001" customHeight="1">
      <c r="A11" s="6"/>
      <c r="C11" s="202" t="s">
        <v>114</v>
      </c>
      <c r="D11" s="168"/>
      <c r="E11" s="86"/>
      <c r="F11" s="88"/>
      <c r="G11" s="165" t="s">
        <v>65</v>
      </c>
      <c r="H11" s="165"/>
      <c r="I11" s="165"/>
      <c r="J11" s="165"/>
      <c r="K11" s="167" t="s">
        <v>64</v>
      </c>
      <c r="L11" s="167"/>
      <c r="M11" s="168"/>
    </row>
    <row r="12" spans="1:13" s="26" customFormat="1" ht="18.600000000000001" customHeight="1">
      <c r="A12" s="6"/>
      <c r="C12" s="203"/>
      <c r="D12" s="170"/>
      <c r="E12" s="92"/>
      <c r="F12" s="59"/>
      <c r="G12" s="262"/>
      <c r="H12" s="262"/>
      <c r="I12" s="262"/>
      <c r="J12" s="262"/>
      <c r="K12" s="169"/>
      <c r="L12" s="169"/>
      <c r="M12" s="170"/>
    </row>
    <row r="13" spans="1:13" s="26" customFormat="1" ht="18.600000000000001" customHeight="1">
      <c r="A13" s="6" t="s">
        <v>2</v>
      </c>
      <c r="C13" s="203"/>
      <c r="D13" s="170"/>
      <c r="E13" s="211" t="s">
        <v>113</v>
      </c>
      <c r="F13" s="55"/>
      <c r="G13" s="128" t="s">
        <v>62</v>
      </c>
      <c r="H13" s="129"/>
      <c r="I13" s="129"/>
      <c r="J13" s="130"/>
      <c r="K13" s="263"/>
      <c r="L13" s="263"/>
      <c r="M13" s="264"/>
    </row>
    <row r="14" spans="1:13" s="26" customFormat="1" ht="18.600000000000001" customHeight="1">
      <c r="A14" s="6"/>
      <c r="C14" s="203"/>
      <c r="D14" s="170"/>
      <c r="E14" s="89"/>
      <c r="F14" s="91"/>
      <c r="G14" s="47" t="s">
        <v>112</v>
      </c>
      <c r="H14" s="48"/>
      <c r="I14" s="48"/>
      <c r="J14" s="49"/>
      <c r="K14" s="263"/>
      <c r="L14" s="263"/>
      <c r="M14" s="264"/>
    </row>
    <row r="15" spans="1:13" s="26" customFormat="1" ht="18.600000000000001" customHeight="1">
      <c r="A15" s="6" t="s">
        <v>2</v>
      </c>
      <c r="C15" s="203"/>
      <c r="D15" s="170"/>
      <c r="E15" s="211" t="s">
        <v>111</v>
      </c>
      <c r="F15" s="55"/>
      <c r="G15" s="128" t="s">
        <v>60</v>
      </c>
      <c r="H15" s="129"/>
      <c r="I15" s="129"/>
      <c r="J15" s="129"/>
      <c r="K15" s="173"/>
      <c r="L15" s="173"/>
      <c r="M15" s="174"/>
    </row>
    <row r="16" spans="1:13" s="26" customFormat="1" ht="18.600000000000001" customHeight="1">
      <c r="A16" s="6"/>
      <c r="C16" s="203"/>
      <c r="D16" s="170"/>
      <c r="E16" s="89"/>
      <c r="F16" s="91"/>
      <c r="G16" s="47" t="s">
        <v>110</v>
      </c>
      <c r="H16" s="48"/>
      <c r="I16" s="48"/>
      <c r="J16" s="48"/>
      <c r="K16" s="173"/>
      <c r="L16" s="173"/>
      <c r="M16" s="174"/>
    </row>
    <row r="17" spans="1:13" s="26" customFormat="1" ht="18.600000000000001" customHeight="1">
      <c r="A17" s="6"/>
      <c r="C17" s="203"/>
      <c r="D17" s="170"/>
      <c r="E17" s="89"/>
      <c r="F17" s="91"/>
      <c r="G17" s="47" t="s">
        <v>109</v>
      </c>
      <c r="H17" s="48"/>
      <c r="I17" s="48"/>
      <c r="J17" s="48"/>
      <c r="K17" s="173"/>
      <c r="L17" s="173"/>
      <c r="M17" s="174"/>
    </row>
    <row r="18" spans="1:13" s="26" customFormat="1" ht="18.600000000000001" customHeight="1">
      <c r="A18" s="6"/>
      <c r="C18" s="203"/>
      <c r="D18" s="170"/>
      <c r="E18" s="92"/>
      <c r="F18" s="59"/>
      <c r="G18" s="50" t="s">
        <v>108</v>
      </c>
      <c r="H18" s="51"/>
      <c r="I18" s="51"/>
      <c r="J18" s="51"/>
      <c r="K18" s="173"/>
      <c r="L18" s="173"/>
      <c r="M18" s="174"/>
    </row>
    <row r="19" spans="1:13" s="26" customFormat="1" ht="18.600000000000001" customHeight="1">
      <c r="A19" s="6" t="s">
        <v>2</v>
      </c>
      <c r="C19" s="203"/>
      <c r="D19" s="170"/>
      <c r="E19" s="214" t="s">
        <v>107</v>
      </c>
      <c r="F19" s="215"/>
      <c r="G19" s="53" t="s">
        <v>54</v>
      </c>
      <c r="H19" s="54"/>
      <c r="I19" s="54"/>
      <c r="J19" s="55"/>
      <c r="K19" s="173"/>
      <c r="L19" s="173"/>
      <c r="M19" s="174"/>
    </row>
    <row r="20" spans="1:13" s="26" customFormat="1" ht="18.600000000000001" customHeight="1">
      <c r="A20" s="6"/>
      <c r="C20" s="203"/>
      <c r="D20" s="170"/>
      <c r="E20" s="216"/>
      <c r="F20" s="217"/>
      <c r="G20" s="57" t="s">
        <v>104</v>
      </c>
      <c r="H20" s="58"/>
      <c r="I20" s="58"/>
      <c r="J20" s="59"/>
      <c r="K20" s="173"/>
      <c r="L20" s="173"/>
      <c r="M20" s="174"/>
    </row>
    <row r="21" spans="1:13" s="26" customFormat="1" ht="16.5" customHeight="1">
      <c r="A21" s="6" t="s">
        <v>2</v>
      </c>
      <c r="C21" s="203"/>
      <c r="D21" s="170"/>
      <c r="E21" s="182" t="s">
        <v>106</v>
      </c>
      <c r="F21" s="185" t="s">
        <v>52</v>
      </c>
      <c r="G21" s="53" t="s">
        <v>51</v>
      </c>
      <c r="H21" s="54"/>
      <c r="I21" s="54"/>
      <c r="J21" s="55"/>
      <c r="K21" s="46"/>
      <c r="L21" s="46"/>
      <c r="M21" s="56"/>
    </row>
    <row r="22" spans="1:13" s="26" customFormat="1" ht="72.75" customHeight="1">
      <c r="A22" s="6"/>
      <c r="C22" s="203"/>
      <c r="D22" s="170"/>
      <c r="E22" s="183"/>
      <c r="F22" s="185"/>
      <c r="G22" s="186" t="s">
        <v>105</v>
      </c>
      <c r="H22" s="187"/>
      <c r="I22" s="187"/>
      <c r="J22" s="188"/>
      <c r="K22" s="46"/>
      <c r="L22" s="46"/>
      <c r="M22" s="56"/>
    </row>
    <row r="23" spans="1:13" s="26" customFormat="1" ht="16.5" customHeight="1">
      <c r="A23" s="6"/>
      <c r="C23" s="203"/>
      <c r="D23" s="170"/>
      <c r="E23" s="183"/>
      <c r="F23" s="46"/>
      <c r="G23" s="22" t="s">
        <v>104</v>
      </c>
      <c r="H23" s="4"/>
      <c r="I23" s="4"/>
      <c r="J23" s="4"/>
      <c r="K23" s="46"/>
      <c r="L23" s="46"/>
      <c r="M23" s="56"/>
    </row>
    <row r="24" spans="1:13" s="26" customFormat="1" ht="37.5" customHeight="1">
      <c r="A24" s="6" t="s">
        <v>2</v>
      </c>
      <c r="C24" s="203"/>
      <c r="D24" s="170"/>
      <c r="E24" s="183"/>
      <c r="F24" s="189" t="s">
        <v>48</v>
      </c>
      <c r="G24" s="53" t="s">
        <v>47</v>
      </c>
      <c r="H24" s="54"/>
      <c r="I24" s="54"/>
      <c r="J24" s="55"/>
      <c r="K24" s="53"/>
      <c r="L24" s="54"/>
      <c r="M24" s="254"/>
    </row>
    <row r="25" spans="1:13" s="26" customFormat="1" ht="18" customHeight="1">
      <c r="A25" s="6"/>
      <c r="C25" s="203"/>
      <c r="D25" s="170"/>
      <c r="E25" s="184"/>
      <c r="F25" s="185"/>
      <c r="G25" s="22" t="s">
        <v>46</v>
      </c>
      <c r="H25" s="21"/>
      <c r="I25" s="21"/>
      <c r="J25" s="20"/>
      <c r="K25" s="57"/>
      <c r="L25" s="58"/>
      <c r="M25" s="255"/>
    </row>
    <row r="26" spans="1:13" s="26" customFormat="1" ht="18" customHeight="1" thickBot="1">
      <c r="A26" s="6" t="s">
        <v>2</v>
      </c>
      <c r="C26" s="203"/>
      <c r="D26" s="170"/>
      <c r="E26" s="175" t="s">
        <v>103</v>
      </c>
      <c r="F26" s="137"/>
      <c r="G26" s="251"/>
      <c r="H26" s="252"/>
      <c r="I26" s="252"/>
      <c r="J26" s="253"/>
      <c r="K26" s="248"/>
      <c r="L26" s="249"/>
      <c r="M26" s="250"/>
    </row>
    <row r="27" spans="1:13" s="26" customFormat="1" ht="13.5" customHeight="1">
      <c r="A27" s="6"/>
      <c r="C27" s="230" t="s">
        <v>102</v>
      </c>
      <c r="D27" s="63" t="s">
        <v>43</v>
      </c>
      <c r="E27" s="63"/>
      <c r="F27" s="233"/>
      <c r="G27" s="64"/>
      <c r="H27" s="66" t="s">
        <v>42</v>
      </c>
      <c r="I27" s="66"/>
      <c r="J27" s="66"/>
      <c r="K27" s="66"/>
      <c r="L27" s="66"/>
      <c r="M27" s="256"/>
    </row>
    <row r="28" spans="1:13" s="26" customFormat="1" ht="18.75" customHeight="1">
      <c r="A28" s="6" t="s">
        <v>2</v>
      </c>
      <c r="C28" s="231"/>
      <c r="D28" s="127" t="s">
        <v>101</v>
      </c>
      <c r="E28" s="127"/>
      <c r="F28" s="190"/>
      <c r="G28" s="46"/>
      <c r="H28" s="141" t="s">
        <v>100</v>
      </c>
      <c r="I28" s="141"/>
      <c r="J28" s="141"/>
      <c r="K28" s="141"/>
      <c r="L28" s="141"/>
      <c r="M28" s="220"/>
    </row>
    <row r="29" spans="1:13" s="26" customFormat="1" ht="13.5" customHeight="1">
      <c r="A29" s="6"/>
      <c r="C29" s="231"/>
      <c r="D29" s="127"/>
      <c r="E29" s="127"/>
      <c r="F29" s="46"/>
      <c r="G29" s="46"/>
      <c r="H29" s="147"/>
      <c r="I29" s="147"/>
      <c r="J29" s="147"/>
      <c r="K29" s="147"/>
      <c r="L29" s="147"/>
      <c r="M29" s="218"/>
    </row>
    <row r="30" spans="1:13" s="26" customFormat="1" ht="13.5" customHeight="1">
      <c r="A30" s="6" t="s">
        <v>2</v>
      </c>
      <c r="C30" s="231"/>
      <c r="D30" s="127" t="s">
        <v>99</v>
      </c>
      <c r="E30" s="127"/>
      <c r="F30" s="46"/>
      <c r="G30" s="46"/>
      <c r="H30" s="141" t="s">
        <v>98</v>
      </c>
      <c r="I30" s="141"/>
      <c r="J30" s="141"/>
      <c r="K30" s="141"/>
      <c r="L30" s="141"/>
      <c r="M30" s="220"/>
    </row>
    <row r="31" spans="1:13" s="26" customFormat="1" ht="13.5" customHeight="1">
      <c r="A31" s="6"/>
      <c r="C31" s="231"/>
      <c r="D31" s="127"/>
      <c r="E31" s="127"/>
      <c r="F31" s="46"/>
      <c r="G31" s="46"/>
      <c r="H31" s="144"/>
      <c r="I31" s="144"/>
      <c r="J31" s="144"/>
      <c r="K31" s="144"/>
      <c r="L31" s="144"/>
      <c r="M31" s="236"/>
    </row>
    <row r="32" spans="1:13" s="26" customFormat="1" ht="13.5" customHeight="1">
      <c r="A32" s="6" t="s">
        <v>2</v>
      </c>
      <c r="C32" s="231"/>
      <c r="D32" s="127" t="s">
        <v>97</v>
      </c>
      <c r="E32" s="127"/>
      <c r="F32" s="46"/>
      <c r="G32" s="46"/>
      <c r="H32" s="141" t="s">
        <v>96</v>
      </c>
      <c r="I32" s="141"/>
      <c r="J32" s="141"/>
      <c r="K32" s="141"/>
      <c r="L32" s="141"/>
      <c r="M32" s="220"/>
    </row>
    <row r="33" spans="1:13" s="26" customFormat="1" ht="13.5" customHeight="1">
      <c r="A33" s="6"/>
      <c r="C33" s="231"/>
      <c r="D33" s="127"/>
      <c r="E33" s="127"/>
      <c r="F33" s="46"/>
      <c r="G33" s="46"/>
      <c r="H33" s="147"/>
      <c r="I33" s="147"/>
      <c r="J33" s="147"/>
      <c r="K33" s="147"/>
      <c r="L33" s="147"/>
      <c r="M33" s="218"/>
    </row>
    <row r="34" spans="1:13" s="26" customFormat="1" ht="13.5" customHeight="1">
      <c r="A34" s="6" t="s">
        <v>2</v>
      </c>
      <c r="C34" s="231"/>
      <c r="D34" s="127" t="s">
        <v>95</v>
      </c>
      <c r="E34" s="127"/>
      <c r="F34" s="46"/>
      <c r="G34" s="46"/>
      <c r="H34" s="225" t="s">
        <v>94</v>
      </c>
      <c r="I34" s="225"/>
      <c r="J34" s="225"/>
      <c r="K34" s="225"/>
      <c r="L34" s="225"/>
      <c r="M34" s="83"/>
    </row>
    <row r="35" spans="1:13" s="26" customFormat="1" ht="13.5" customHeight="1">
      <c r="A35" s="6"/>
      <c r="C35" s="231"/>
      <c r="D35" s="127"/>
      <c r="E35" s="127"/>
      <c r="F35" s="46"/>
      <c r="G35" s="46"/>
      <c r="H35" s="113"/>
      <c r="I35" s="113"/>
      <c r="J35" s="113"/>
      <c r="K35" s="113"/>
      <c r="L35" s="113"/>
      <c r="M35" s="114"/>
    </row>
    <row r="36" spans="1:13" s="26" customFormat="1" ht="13.5" customHeight="1">
      <c r="A36" s="6" t="s">
        <v>2</v>
      </c>
      <c r="C36" s="231"/>
      <c r="D36" s="127" t="s">
        <v>93</v>
      </c>
      <c r="E36" s="127"/>
      <c r="F36" s="46"/>
      <c r="G36" s="46"/>
      <c r="H36" s="225" t="s">
        <v>92</v>
      </c>
      <c r="I36" s="225"/>
      <c r="J36" s="225"/>
      <c r="K36" s="225"/>
      <c r="L36" s="225"/>
      <c r="M36" s="83"/>
    </row>
    <row r="37" spans="1:13" s="26" customFormat="1" ht="13.5" customHeight="1">
      <c r="A37" s="6"/>
      <c r="C37" s="231"/>
      <c r="D37" s="127"/>
      <c r="E37" s="127"/>
      <c r="F37" s="46"/>
      <c r="G37" s="46"/>
      <c r="H37" s="247"/>
      <c r="I37" s="247"/>
      <c r="J37" s="247"/>
      <c r="K37" s="247"/>
      <c r="L37" s="247"/>
      <c r="M37" s="85"/>
    </row>
    <row r="38" spans="1:13" s="26" customFormat="1" ht="13.5" customHeight="1">
      <c r="A38" s="6" t="s">
        <v>2</v>
      </c>
      <c r="C38" s="231"/>
      <c r="D38" s="127" t="s">
        <v>91</v>
      </c>
      <c r="E38" s="127"/>
      <c r="F38" s="46"/>
      <c r="G38" s="46"/>
      <c r="H38" s="113" t="s">
        <v>90</v>
      </c>
      <c r="I38" s="113"/>
      <c r="J38" s="113"/>
      <c r="K38" s="113"/>
      <c r="L38" s="113"/>
      <c r="M38" s="114"/>
    </row>
    <row r="39" spans="1:13" s="26" customFormat="1" ht="13.5" customHeight="1" thickBot="1">
      <c r="A39" s="6"/>
      <c r="C39" s="232"/>
      <c r="D39" s="137"/>
      <c r="E39" s="137"/>
      <c r="F39" s="138"/>
      <c r="G39" s="138"/>
      <c r="H39" s="123"/>
      <c r="I39" s="123"/>
      <c r="J39" s="123"/>
      <c r="K39" s="123"/>
      <c r="L39" s="123"/>
      <c r="M39" s="124"/>
    </row>
    <row r="40" spans="1:13" s="26" customFormat="1" ht="13.5" customHeight="1">
      <c r="A40" s="6"/>
      <c r="C40" s="246" t="s">
        <v>16</v>
      </c>
      <c r="D40" s="89" t="s">
        <v>89</v>
      </c>
      <c r="E40" s="90"/>
      <c r="F40" s="90"/>
      <c r="G40" s="91"/>
      <c r="H40" s="221" t="s">
        <v>14</v>
      </c>
      <c r="I40" s="222"/>
      <c r="J40" s="221" t="s">
        <v>13</v>
      </c>
      <c r="K40" s="222"/>
      <c r="L40" s="226" t="s">
        <v>88</v>
      </c>
      <c r="M40" s="164"/>
    </row>
    <row r="41" spans="1:13" s="26" customFormat="1" ht="13.5" customHeight="1">
      <c r="A41" s="6"/>
      <c r="C41" s="246"/>
      <c r="D41" s="89"/>
      <c r="E41" s="90"/>
      <c r="F41" s="90"/>
      <c r="G41" s="91"/>
      <c r="H41" s="223"/>
      <c r="I41" s="224"/>
      <c r="J41" s="223"/>
      <c r="K41" s="224"/>
      <c r="L41" s="227"/>
      <c r="M41" s="228"/>
    </row>
    <row r="42" spans="1:13" s="26" customFormat="1" ht="13.5" customHeight="1">
      <c r="A42" s="6" t="s">
        <v>87</v>
      </c>
      <c r="C42" s="246"/>
      <c r="D42" s="89"/>
      <c r="E42" s="90"/>
      <c r="F42" s="90"/>
      <c r="G42" s="91"/>
      <c r="H42" s="229" t="s">
        <v>11</v>
      </c>
      <c r="I42" s="229"/>
      <c r="J42" s="78" t="s">
        <v>6</v>
      </c>
      <c r="K42" s="79"/>
      <c r="L42" s="219" t="s">
        <v>85</v>
      </c>
      <c r="M42" s="220"/>
    </row>
    <row r="43" spans="1:13" s="26" customFormat="1" ht="13.5" customHeight="1">
      <c r="A43" s="6"/>
      <c r="C43" s="246"/>
      <c r="D43" s="89"/>
      <c r="E43" s="90"/>
      <c r="F43" s="90"/>
      <c r="G43" s="91"/>
      <c r="H43" s="229"/>
      <c r="I43" s="229"/>
      <c r="J43" s="80"/>
      <c r="K43" s="81"/>
      <c r="L43" s="146" t="s">
        <v>83</v>
      </c>
      <c r="M43" s="218"/>
    </row>
    <row r="44" spans="1:13" s="26" customFormat="1" ht="13.5" customHeight="1">
      <c r="A44" s="6" t="s">
        <v>87</v>
      </c>
      <c r="C44" s="246"/>
      <c r="D44" s="89"/>
      <c r="E44" s="90"/>
      <c r="F44" s="90"/>
      <c r="G44" s="91"/>
      <c r="H44" s="229" t="s">
        <v>9</v>
      </c>
      <c r="I44" s="229"/>
      <c r="J44" s="78" t="s">
        <v>86</v>
      </c>
      <c r="K44" s="79"/>
      <c r="L44" s="219" t="s">
        <v>5</v>
      </c>
      <c r="M44" s="220"/>
    </row>
    <row r="45" spans="1:13" s="26" customFormat="1" ht="13.5" customHeight="1">
      <c r="A45" s="6"/>
      <c r="C45" s="246"/>
      <c r="D45" s="89"/>
      <c r="E45" s="90"/>
      <c r="F45" s="90"/>
      <c r="G45" s="91"/>
      <c r="H45" s="229"/>
      <c r="I45" s="229"/>
      <c r="J45" s="80"/>
      <c r="K45" s="81"/>
      <c r="L45" s="146" t="s">
        <v>83</v>
      </c>
      <c r="M45" s="218"/>
    </row>
    <row r="46" spans="1:13" s="26" customFormat="1" ht="13.5" customHeight="1">
      <c r="A46" s="6" t="s">
        <v>2</v>
      </c>
      <c r="C46" s="246"/>
      <c r="D46" s="89"/>
      <c r="E46" s="90"/>
      <c r="F46" s="90"/>
      <c r="G46" s="91"/>
      <c r="H46" s="77" t="s">
        <v>7</v>
      </c>
      <c r="I46" s="77"/>
      <c r="J46" s="78" t="s">
        <v>86</v>
      </c>
      <c r="K46" s="79"/>
      <c r="L46" s="219" t="s">
        <v>85</v>
      </c>
      <c r="M46" s="220"/>
    </row>
    <row r="47" spans="1:13" s="26" customFormat="1" ht="13.5" customHeight="1">
      <c r="A47" s="6"/>
      <c r="C47" s="246"/>
      <c r="D47" s="92"/>
      <c r="E47" s="58"/>
      <c r="F47" s="58"/>
      <c r="G47" s="59"/>
      <c r="H47" s="77"/>
      <c r="I47" s="77"/>
      <c r="J47" s="80"/>
      <c r="K47" s="81"/>
      <c r="L47" s="146" t="s">
        <v>84</v>
      </c>
      <c r="M47" s="218"/>
    </row>
    <row r="48" spans="1:13" s="26" customFormat="1" thickBot="1">
      <c r="A48" s="6"/>
      <c r="C48" s="246"/>
      <c r="D48" s="96" t="s">
        <v>82</v>
      </c>
      <c r="E48" s="97"/>
      <c r="F48" s="97"/>
      <c r="G48" s="97"/>
      <c r="H48" s="97"/>
      <c r="I48" s="97"/>
      <c r="J48" s="97"/>
      <c r="K48" s="97"/>
      <c r="L48" s="97"/>
      <c r="M48" s="98"/>
    </row>
    <row r="49" spans="1:13" s="26" customFormat="1" ht="39.75" customHeight="1">
      <c r="A49" s="5" t="s">
        <v>2</v>
      </c>
      <c r="C49" s="237" t="s">
        <v>81</v>
      </c>
      <c r="D49" s="238"/>
      <c r="E49" s="238"/>
      <c r="F49" s="238"/>
      <c r="G49" s="238"/>
      <c r="H49" s="238"/>
      <c r="I49" s="238"/>
      <c r="J49" s="238"/>
      <c r="K49" s="238"/>
      <c r="L49" s="238"/>
      <c r="M49" s="239"/>
    </row>
    <row r="50" spans="1:13" s="26" customFormat="1" ht="13.5" customHeight="1">
      <c r="A50" s="234"/>
      <c r="C50" s="240"/>
      <c r="D50" s="241"/>
      <c r="E50" s="241"/>
      <c r="F50" s="241"/>
      <c r="G50" s="241"/>
      <c r="H50" s="241"/>
      <c r="I50" s="241"/>
      <c r="J50" s="241"/>
      <c r="K50" s="241"/>
      <c r="L50" s="241"/>
      <c r="M50" s="242"/>
    </row>
    <row r="51" spans="1:13" s="26" customFormat="1" ht="13.5" customHeight="1" thickBot="1">
      <c r="A51" s="235"/>
      <c r="C51" s="243"/>
      <c r="D51" s="244"/>
      <c r="E51" s="244"/>
      <c r="F51" s="244"/>
      <c r="G51" s="244"/>
      <c r="H51" s="244"/>
      <c r="I51" s="244"/>
      <c r="J51" s="244"/>
      <c r="K51" s="244"/>
      <c r="L51" s="244"/>
      <c r="M51" s="245"/>
    </row>
    <row r="52" spans="1:13">
      <c r="A52" s="26"/>
      <c r="D52" s="28"/>
      <c r="E52" s="28"/>
      <c r="F52" s="28"/>
      <c r="G52" s="28"/>
      <c r="H52" s="28"/>
      <c r="I52" s="28"/>
      <c r="J52" s="28"/>
      <c r="K52" s="28"/>
      <c r="L52" s="28"/>
      <c r="M52" s="28"/>
    </row>
    <row r="53" spans="1:13">
      <c r="A53" s="2" t="s">
        <v>0</v>
      </c>
      <c r="C53" s="28"/>
      <c r="D53" s="28"/>
      <c r="E53" s="28"/>
      <c r="F53" s="28"/>
      <c r="G53" s="28"/>
      <c r="H53" s="28"/>
      <c r="I53" s="28"/>
      <c r="J53" s="28"/>
      <c r="K53" s="28"/>
      <c r="L53" s="28"/>
      <c r="M53" s="28"/>
    </row>
  </sheetData>
  <mergeCells count="83">
    <mergeCell ref="K21:M23"/>
    <mergeCell ref="C6:D10"/>
    <mergeCell ref="G6:M6"/>
    <mergeCell ref="G7:M7"/>
    <mergeCell ref="G8:M8"/>
    <mergeCell ref="G9:M9"/>
    <mergeCell ref="F21:F23"/>
    <mergeCell ref="K15:M18"/>
    <mergeCell ref="G16:J16"/>
    <mergeCell ref="G17:J17"/>
    <mergeCell ref="G22:J22"/>
    <mergeCell ref="E6:F7"/>
    <mergeCell ref="E8:F10"/>
    <mergeCell ref="E11:F12"/>
    <mergeCell ref="E13:F14"/>
    <mergeCell ref="G10:M10"/>
    <mergeCell ref="G24:J24"/>
    <mergeCell ref="F24:F25"/>
    <mergeCell ref="K24:M25"/>
    <mergeCell ref="H27:M27"/>
    <mergeCell ref="H2:M2"/>
    <mergeCell ref="C3:M3"/>
    <mergeCell ref="C4:F5"/>
    <mergeCell ref="G4:M4"/>
    <mergeCell ref="G5:M5"/>
    <mergeCell ref="C11:D26"/>
    <mergeCell ref="G11:J12"/>
    <mergeCell ref="K11:M12"/>
    <mergeCell ref="G13:J13"/>
    <mergeCell ref="K13:M14"/>
    <mergeCell ref="G14:J14"/>
    <mergeCell ref="G15:J15"/>
    <mergeCell ref="E26:F26"/>
    <mergeCell ref="G18:J18"/>
    <mergeCell ref="G21:J21"/>
    <mergeCell ref="H37:M37"/>
    <mergeCell ref="L43:M43"/>
    <mergeCell ref="H34:M34"/>
    <mergeCell ref="H35:M35"/>
    <mergeCell ref="K26:M26"/>
    <mergeCell ref="K19:M20"/>
    <mergeCell ref="E21:E25"/>
    <mergeCell ref="D28:G29"/>
    <mergeCell ref="H28:M28"/>
    <mergeCell ref="H29:M29"/>
    <mergeCell ref="D36:G37"/>
    <mergeCell ref="G26:J26"/>
    <mergeCell ref="E15:F18"/>
    <mergeCell ref="A50:A51"/>
    <mergeCell ref="H46:I47"/>
    <mergeCell ref="H30:M30"/>
    <mergeCell ref="H31:M31"/>
    <mergeCell ref="D32:G33"/>
    <mergeCell ref="H32:M32"/>
    <mergeCell ref="H33:M33"/>
    <mergeCell ref="C49:M51"/>
    <mergeCell ref="C40:C48"/>
    <mergeCell ref="D48:M48"/>
    <mergeCell ref="D38:G39"/>
    <mergeCell ref="H38:M38"/>
    <mergeCell ref="H39:M39"/>
    <mergeCell ref="H44:I45"/>
    <mergeCell ref="J44:K45"/>
    <mergeCell ref="J42:K43"/>
    <mergeCell ref="C27:C39"/>
    <mergeCell ref="D27:G27"/>
    <mergeCell ref="D30:G31"/>
    <mergeCell ref="E19:F20"/>
    <mergeCell ref="G19:J19"/>
    <mergeCell ref="G20:J20"/>
    <mergeCell ref="J46:K47"/>
    <mergeCell ref="L47:M47"/>
    <mergeCell ref="D34:G35"/>
    <mergeCell ref="L46:M46"/>
    <mergeCell ref="L44:M44"/>
    <mergeCell ref="L45:M45"/>
    <mergeCell ref="D40:G47"/>
    <mergeCell ref="H40:I41"/>
    <mergeCell ref="H36:M36"/>
    <mergeCell ref="L42:M42"/>
    <mergeCell ref="J40:K41"/>
    <mergeCell ref="L40:M41"/>
    <mergeCell ref="H42:I43"/>
  </mergeCells>
  <phoneticPr fontId="2"/>
  <printOptions horizontalCentered="1"/>
  <pageMargins left="0.74803149606299213" right="0.28000000000000003" top="0.43307086614173229" bottom="0.27559055118110237" header="0.39370078740157483" footer="0.43307086614173229"/>
  <pageSetup paperSize="9" scale="93"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M61"/>
  <sheetViews>
    <sheetView topLeftCell="B1" zoomScaleNormal="100" zoomScaleSheetLayoutView="115" workbookViewId="0">
      <selection activeCell="C4" sqref="C4:F5"/>
    </sheetView>
  </sheetViews>
  <sheetFormatPr defaultRowHeight="14.25"/>
  <cols>
    <col min="1" max="1" width="4.625" style="1" customWidth="1"/>
    <col min="2" max="2" width="1.625" style="1" customWidth="1"/>
    <col min="3" max="3" width="3.125" style="1" customWidth="1"/>
    <col min="4" max="4" width="8.125" style="1" customWidth="1"/>
    <col min="5" max="5" width="6.5" style="1" customWidth="1"/>
    <col min="6" max="6" width="8.25" style="1" customWidth="1"/>
    <col min="7" max="7" width="7.5" style="1" customWidth="1"/>
    <col min="8" max="8" width="7.625" style="1" customWidth="1"/>
    <col min="9" max="9" width="16.625" style="1" customWidth="1"/>
    <col min="10" max="10" width="3.625" style="1" customWidth="1"/>
    <col min="11" max="11" width="9.625" style="1" customWidth="1"/>
    <col min="12" max="13" width="12.625" style="1" customWidth="1"/>
    <col min="14" max="16384" width="9" style="1"/>
  </cols>
  <sheetData>
    <row r="1" spans="1:13" ht="15" thickBot="1">
      <c r="A1" s="26" t="s">
        <v>169</v>
      </c>
      <c r="M1" s="27" t="s">
        <v>124</v>
      </c>
    </row>
    <row r="2" spans="1:13" ht="15" thickBot="1">
      <c r="C2" s="26"/>
      <c r="H2" s="192" t="s">
        <v>168</v>
      </c>
      <c r="I2" s="257"/>
      <c r="J2" s="257"/>
      <c r="K2" s="257"/>
      <c r="L2" s="257"/>
      <c r="M2" s="193"/>
    </row>
    <row r="3" spans="1:13" ht="29.25" customHeight="1" thickBot="1">
      <c r="A3" s="31" t="s">
        <v>77</v>
      </c>
      <c r="C3" s="194" t="s">
        <v>167</v>
      </c>
      <c r="D3" s="194"/>
      <c r="E3" s="194"/>
      <c r="F3" s="194"/>
      <c r="G3" s="194"/>
      <c r="H3" s="194"/>
      <c r="I3" s="194"/>
      <c r="J3" s="194"/>
      <c r="K3" s="194"/>
      <c r="L3" s="194"/>
      <c r="M3" s="194"/>
    </row>
    <row r="4" spans="1:13" ht="13.5" customHeight="1">
      <c r="A4" s="42"/>
      <c r="C4" s="267" t="s">
        <v>166</v>
      </c>
      <c r="D4" s="268"/>
      <c r="E4" s="268"/>
      <c r="F4" s="269"/>
      <c r="G4" s="86" t="s">
        <v>165</v>
      </c>
      <c r="H4" s="87"/>
      <c r="I4" s="87"/>
      <c r="J4" s="87"/>
      <c r="K4" s="87"/>
      <c r="L4" s="87"/>
      <c r="M4" s="273"/>
    </row>
    <row r="5" spans="1:13" ht="13.5" customHeight="1" thickBot="1">
      <c r="A5" s="6"/>
      <c r="C5" s="270"/>
      <c r="D5" s="271"/>
      <c r="E5" s="271"/>
      <c r="F5" s="272"/>
      <c r="G5" s="265"/>
      <c r="H5" s="249"/>
      <c r="I5" s="249"/>
      <c r="J5" s="249"/>
      <c r="K5" s="249"/>
      <c r="L5" s="249"/>
      <c r="M5" s="250"/>
    </row>
    <row r="6" spans="1:13" ht="13.5" customHeight="1">
      <c r="A6" s="6" t="s">
        <v>2</v>
      </c>
      <c r="C6" s="274" t="s">
        <v>164</v>
      </c>
      <c r="D6" s="275"/>
      <c r="E6" s="275"/>
      <c r="F6" s="276"/>
      <c r="G6" s="283" t="s">
        <v>163</v>
      </c>
      <c r="H6" s="284"/>
      <c r="I6" s="284"/>
      <c r="J6" s="284"/>
      <c r="K6" s="284"/>
      <c r="L6" s="284"/>
      <c r="M6" s="285"/>
    </row>
    <row r="7" spans="1:13" ht="13.5" customHeight="1">
      <c r="A7" s="6"/>
      <c r="C7" s="277"/>
      <c r="D7" s="278"/>
      <c r="E7" s="278"/>
      <c r="F7" s="279"/>
      <c r="G7" s="48" t="s">
        <v>162</v>
      </c>
      <c r="H7" s="48"/>
      <c r="I7" s="48"/>
      <c r="J7" s="48"/>
      <c r="K7" s="48"/>
      <c r="L7" s="48"/>
      <c r="M7" s="212"/>
    </row>
    <row r="8" spans="1:13" s="41" customFormat="1" ht="15" customHeight="1" thickBot="1">
      <c r="A8" s="6"/>
      <c r="C8" s="280"/>
      <c r="D8" s="281"/>
      <c r="E8" s="281"/>
      <c r="F8" s="282"/>
      <c r="G8" s="158" t="s">
        <v>161</v>
      </c>
      <c r="H8" s="158"/>
      <c r="I8" s="158"/>
      <c r="J8" s="158"/>
      <c r="K8" s="158"/>
      <c r="L8" s="158"/>
      <c r="M8" s="213"/>
    </row>
    <row r="9" spans="1:13" ht="13.5" customHeight="1">
      <c r="A9" s="6" t="s">
        <v>2</v>
      </c>
      <c r="C9" s="286" t="s">
        <v>160</v>
      </c>
      <c r="D9" s="287"/>
      <c r="E9" s="287"/>
      <c r="F9" s="288"/>
      <c r="G9" s="207" t="s">
        <v>121</v>
      </c>
      <c r="H9" s="207"/>
      <c r="I9" s="207"/>
      <c r="J9" s="207"/>
      <c r="K9" s="207"/>
      <c r="L9" s="207"/>
      <c r="M9" s="208"/>
    </row>
    <row r="10" spans="1:13" s="41" customFormat="1" ht="15" customHeight="1" thickBot="1">
      <c r="A10" s="6"/>
      <c r="C10" s="289"/>
      <c r="D10" s="290"/>
      <c r="E10" s="290"/>
      <c r="F10" s="291"/>
      <c r="G10" s="48" t="s">
        <v>120</v>
      </c>
      <c r="H10" s="48"/>
      <c r="I10" s="48"/>
      <c r="J10" s="48"/>
      <c r="K10" s="48"/>
      <c r="L10" s="48"/>
      <c r="M10" s="212"/>
    </row>
    <row r="11" spans="1:13" ht="18.600000000000001" customHeight="1">
      <c r="A11" s="6" t="s">
        <v>2</v>
      </c>
      <c r="C11" s="202" t="s">
        <v>154</v>
      </c>
      <c r="D11" s="168"/>
      <c r="E11" s="86" t="s">
        <v>159</v>
      </c>
      <c r="F11" s="88"/>
      <c r="G11" s="207" t="s">
        <v>158</v>
      </c>
      <c r="H11" s="292"/>
      <c r="I11" s="292"/>
      <c r="J11" s="292"/>
      <c r="K11" s="292"/>
      <c r="L11" s="292"/>
      <c r="M11" s="293"/>
    </row>
    <row r="12" spans="1:13" ht="18" customHeight="1">
      <c r="A12" s="6"/>
      <c r="C12" s="203"/>
      <c r="D12" s="170"/>
      <c r="E12" s="92"/>
      <c r="F12" s="59"/>
      <c r="G12" s="51" t="s">
        <v>156</v>
      </c>
      <c r="H12" s="51"/>
      <c r="I12" s="51"/>
      <c r="J12" s="51"/>
      <c r="K12" s="51"/>
      <c r="L12" s="51"/>
      <c r="M12" s="209"/>
    </row>
    <row r="13" spans="1:13" ht="18.600000000000001" customHeight="1">
      <c r="A13" s="6" t="s">
        <v>2</v>
      </c>
      <c r="C13" s="203"/>
      <c r="D13" s="170"/>
      <c r="E13" s="211" t="s">
        <v>157</v>
      </c>
      <c r="F13" s="55"/>
      <c r="G13" s="128" t="s">
        <v>69</v>
      </c>
      <c r="H13" s="129"/>
      <c r="I13" s="129"/>
      <c r="J13" s="129"/>
      <c r="K13" s="129"/>
      <c r="L13" s="129"/>
      <c r="M13" s="210"/>
    </row>
    <row r="14" spans="1:13" ht="18.600000000000001" customHeight="1">
      <c r="A14" s="6"/>
      <c r="C14" s="203"/>
      <c r="D14" s="170"/>
      <c r="E14" s="89"/>
      <c r="F14" s="91"/>
      <c r="G14" s="48" t="s">
        <v>116</v>
      </c>
      <c r="H14" s="48"/>
      <c r="I14" s="48"/>
      <c r="J14" s="48"/>
      <c r="K14" s="48"/>
      <c r="L14" s="48"/>
      <c r="M14" s="212"/>
    </row>
    <row r="15" spans="1:13" ht="18.600000000000001" customHeight="1" thickBot="1">
      <c r="A15" s="6"/>
      <c r="C15" s="204"/>
      <c r="D15" s="205"/>
      <c r="E15" s="265"/>
      <c r="F15" s="266"/>
      <c r="G15" s="158" t="s">
        <v>156</v>
      </c>
      <c r="H15" s="158"/>
      <c r="I15" s="158"/>
      <c r="J15" s="158"/>
      <c r="K15" s="158"/>
      <c r="L15" s="158"/>
      <c r="M15" s="213"/>
    </row>
    <row r="16" spans="1:13" ht="13.5" customHeight="1">
      <c r="A16" s="6"/>
      <c r="C16" s="202" t="s">
        <v>155</v>
      </c>
      <c r="D16" s="168"/>
      <c r="E16" s="86"/>
      <c r="F16" s="88"/>
      <c r="G16" s="296" t="s">
        <v>154</v>
      </c>
      <c r="H16" s="296"/>
      <c r="I16" s="296"/>
      <c r="J16" s="296"/>
      <c r="K16" s="167" t="s">
        <v>64</v>
      </c>
      <c r="L16" s="167"/>
      <c r="M16" s="168"/>
    </row>
    <row r="17" spans="1:13" ht="13.5" customHeight="1">
      <c r="A17" s="6"/>
      <c r="C17" s="203"/>
      <c r="D17" s="170"/>
      <c r="E17" s="92"/>
      <c r="F17" s="59"/>
      <c r="G17" s="302"/>
      <c r="H17" s="302"/>
      <c r="I17" s="302"/>
      <c r="J17" s="302"/>
      <c r="K17" s="169"/>
      <c r="L17" s="169"/>
      <c r="M17" s="170"/>
    </row>
    <row r="18" spans="1:13" ht="13.5" customHeight="1">
      <c r="A18" s="6" t="s">
        <v>2</v>
      </c>
      <c r="C18" s="203"/>
      <c r="D18" s="170"/>
      <c r="E18" s="211" t="s">
        <v>153</v>
      </c>
      <c r="F18" s="55"/>
      <c r="G18" s="129" t="s">
        <v>62</v>
      </c>
      <c r="H18" s="129"/>
      <c r="I18" s="129"/>
      <c r="J18" s="129"/>
      <c r="K18" s="308"/>
      <c r="L18" s="308"/>
      <c r="M18" s="309"/>
    </row>
    <row r="19" spans="1:13" ht="13.5" customHeight="1">
      <c r="A19" s="6"/>
      <c r="C19" s="203"/>
      <c r="D19" s="170"/>
      <c r="E19" s="89"/>
      <c r="F19" s="91"/>
      <c r="G19" s="48" t="s">
        <v>152</v>
      </c>
      <c r="H19" s="48"/>
      <c r="I19" s="48"/>
      <c r="J19" s="48"/>
      <c r="K19" s="308"/>
      <c r="L19" s="308"/>
      <c r="M19" s="309"/>
    </row>
    <row r="20" spans="1:13" ht="13.5" customHeight="1">
      <c r="A20" s="6" t="s">
        <v>2</v>
      </c>
      <c r="C20" s="203"/>
      <c r="D20" s="170"/>
      <c r="E20" s="211" t="s">
        <v>111</v>
      </c>
      <c r="F20" s="55"/>
      <c r="G20" s="129" t="s">
        <v>60</v>
      </c>
      <c r="H20" s="129"/>
      <c r="I20" s="129"/>
      <c r="J20" s="129"/>
      <c r="K20" s="172"/>
      <c r="L20" s="172"/>
      <c r="M20" s="299"/>
    </row>
    <row r="21" spans="1:13" ht="13.5" customHeight="1">
      <c r="A21" s="6"/>
      <c r="C21" s="203"/>
      <c r="D21" s="170"/>
      <c r="E21" s="89"/>
      <c r="F21" s="91"/>
      <c r="G21" s="48" t="s">
        <v>110</v>
      </c>
      <c r="H21" s="48"/>
      <c r="I21" s="48"/>
      <c r="J21" s="48"/>
      <c r="K21" s="172"/>
      <c r="L21" s="172"/>
      <c r="M21" s="299"/>
    </row>
    <row r="22" spans="1:13" ht="13.5" customHeight="1">
      <c r="A22" s="6"/>
      <c r="C22" s="203"/>
      <c r="D22" s="170"/>
      <c r="E22" s="89"/>
      <c r="F22" s="91"/>
      <c r="G22" s="48" t="s">
        <v>109</v>
      </c>
      <c r="H22" s="48"/>
      <c r="I22" s="48"/>
      <c r="J22" s="48"/>
      <c r="K22" s="172"/>
      <c r="L22" s="172"/>
      <c r="M22" s="299"/>
    </row>
    <row r="23" spans="1:13" ht="18" customHeight="1">
      <c r="A23" s="6"/>
      <c r="C23" s="203"/>
      <c r="D23" s="170"/>
      <c r="E23" s="92"/>
      <c r="F23" s="59"/>
      <c r="G23" s="51" t="s">
        <v>152</v>
      </c>
      <c r="H23" s="51"/>
      <c r="I23" s="51"/>
      <c r="J23" s="51"/>
      <c r="K23" s="172"/>
      <c r="L23" s="172"/>
      <c r="M23" s="299"/>
    </row>
    <row r="24" spans="1:13" ht="16.5" customHeight="1">
      <c r="A24" s="6" t="s">
        <v>2</v>
      </c>
      <c r="C24" s="203"/>
      <c r="D24" s="170"/>
      <c r="E24" s="304" t="s">
        <v>151</v>
      </c>
      <c r="F24" s="305"/>
      <c r="G24" s="53" t="s">
        <v>54</v>
      </c>
      <c r="H24" s="54"/>
      <c r="I24" s="54"/>
      <c r="J24" s="55"/>
      <c r="K24" s="172"/>
      <c r="L24" s="172"/>
      <c r="M24" s="299"/>
    </row>
    <row r="25" spans="1:13" ht="16.5" customHeight="1">
      <c r="A25" s="6"/>
      <c r="C25" s="203"/>
      <c r="D25" s="170"/>
      <c r="E25" s="306"/>
      <c r="F25" s="307"/>
      <c r="G25" s="57" t="s">
        <v>104</v>
      </c>
      <c r="H25" s="58"/>
      <c r="I25" s="58"/>
      <c r="J25" s="59"/>
      <c r="K25" s="172"/>
      <c r="L25" s="172"/>
      <c r="M25" s="299"/>
    </row>
    <row r="26" spans="1:13" ht="16.5" customHeight="1">
      <c r="A26" s="6" t="s">
        <v>2</v>
      </c>
      <c r="C26" s="203"/>
      <c r="D26" s="170"/>
      <c r="E26" s="182" t="s">
        <v>150</v>
      </c>
      <c r="F26" s="185" t="s">
        <v>52</v>
      </c>
      <c r="G26" s="53" t="s">
        <v>51</v>
      </c>
      <c r="H26" s="54"/>
      <c r="I26" s="54"/>
      <c r="J26" s="55"/>
      <c r="K26" s="53"/>
      <c r="L26" s="54"/>
      <c r="M26" s="254"/>
    </row>
    <row r="27" spans="1:13" ht="68.25" customHeight="1">
      <c r="A27" s="6"/>
      <c r="C27" s="203"/>
      <c r="D27" s="170"/>
      <c r="E27" s="183"/>
      <c r="F27" s="185"/>
      <c r="G27" s="186" t="s">
        <v>50</v>
      </c>
      <c r="H27" s="187"/>
      <c r="I27" s="187"/>
      <c r="J27" s="188"/>
      <c r="K27" s="300"/>
      <c r="L27" s="90"/>
      <c r="M27" s="301"/>
    </row>
    <row r="28" spans="1:13" ht="16.5" customHeight="1">
      <c r="A28" s="6"/>
      <c r="C28" s="203"/>
      <c r="D28" s="170"/>
      <c r="E28" s="183"/>
      <c r="F28" s="46"/>
      <c r="G28" s="22" t="s">
        <v>104</v>
      </c>
      <c r="H28" s="4"/>
      <c r="I28" s="4"/>
      <c r="J28" s="4"/>
      <c r="K28" s="57"/>
      <c r="L28" s="58"/>
      <c r="M28" s="255"/>
    </row>
    <row r="29" spans="1:13" ht="16.5" customHeight="1" thickBot="1">
      <c r="A29" s="6" t="s">
        <v>149</v>
      </c>
      <c r="C29" s="203"/>
      <c r="D29" s="170"/>
      <c r="E29" s="175" t="s">
        <v>103</v>
      </c>
      <c r="F29" s="137"/>
      <c r="G29" s="251"/>
      <c r="H29" s="252"/>
      <c r="I29" s="252"/>
      <c r="J29" s="253"/>
      <c r="K29" s="176"/>
      <c r="L29" s="177"/>
      <c r="M29" s="181"/>
    </row>
    <row r="30" spans="1:13" ht="13.5" customHeight="1">
      <c r="A30" s="6"/>
      <c r="C30" s="310" t="s">
        <v>44</v>
      </c>
      <c r="D30" s="294" t="s">
        <v>43</v>
      </c>
      <c r="E30" s="294"/>
      <c r="F30" s="165"/>
      <c r="G30" s="165"/>
      <c r="H30" s="296" t="s">
        <v>42</v>
      </c>
      <c r="I30" s="296"/>
      <c r="J30" s="296"/>
      <c r="K30" s="297"/>
      <c r="L30" s="303" t="s">
        <v>148</v>
      </c>
      <c r="M30" s="197"/>
    </row>
    <row r="31" spans="1:13" ht="13.5" customHeight="1">
      <c r="A31" s="6"/>
      <c r="C31" s="311"/>
      <c r="D31" s="295"/>
      <c r="E31" s="295"/>
      <c r="F31" s="166"/>
      <c r="G31" s="166"/>
      <c r="H31" s="298"/>
      <c r="I31" s="298"/>
      <c r="J31" s="298"/>
      <c r="K31" s="224"/>
      <c r="L31" s="227"/>
      <c r="M31" s="228"/>
    </row>
    <row r="32" spans="1:13" ht="13.5" customHeight="1">
      <c r="A32" s="6" t="s">
        <v>2</v>
      </c>
      <c r="C32" s="311"/>
      <c r="D32" s="127" t="s">
        <v>147</v>
      </c>
      <c r="E32" s="127"/>
      <c r="F32" s="46"/>
      <c r="G32" s="46"/>
      <c r="H32" s="17" t="s">
        <v>146</v>
      </c>
      <c r="I32" s="17"/>
      <c r="J32" s="17"/>
      <c r="K32" s="17"/>
      <c r="L32" s="334" t="s">
        <v>28</v>
      </c>
      <c r="M32" s="335"/>
    </row>
    <row r="33" spans="1:13" ht="13.5" customHeight="1">
      <c r="A33" s="6"/>
      <c r="C33" s="311"/>
      <c r="D33" s="127"/>
      <c r="E33" s="127"/>
      <c r="F33" s="46"/>
      <c r="G33" s="46"/>
      <c r="H33" s="16"/>
      <c r="I33" s="16"/>
      <c r="J33" s="16"/>
      <c r="K33" s="16"/>
      <c r="L33" s="39" t="s">
        <v>137</v>
      </c>
      <c r="M33" s="38"/>
    </row>
    <row r="34" spans="1:13" ht="13.5" customHeight="1">
      <c r="A34" s="6" t="s">
        <v>2</v>
      </c>
      <c r="C34" s="311"/>
      <c r="D34" s="127" t="s">
        <v>145</v>
      </c>
      <c r="E34" s="127"/>
      <c r="F34" s="46"/>
      <c r="G34" s="46"/>
      <c r="H34" s="17" t="s">
        <v>144</v>
      </c>
      <c r="I34" s="17"/>
      <c r="J34" s="17"/>
      <c r="K34" s="17"/>
      <c r="L34" s="334" t="s">
        <v>28</v>
      </c>
      <c r="M34" s="335"/>
    </row>
    <row r="35" spans="1:13" ht="13.5" customHeight="1">
      <c r="A35" s="6"/>
      <c r="C35" s="311"/>
      <c r="D35" s="127"/>
      <c r="E35" s="127"/>
      <c r="F35" s="46"/>
      <c r="G35" s="46"/>
      <c r="H35" s="16"/>
      <c r="I35" s="18"/>
      <c r="J35" s="18"/>
      <c r="K35" s="18"/>
      <c r="L35" s="39" t="s">
        <v>137</v>
      </c>
      <c r="M35" s="38"/>
    </row>
    <row r="36" spans="1:13" ht="13.5" customHeight="1">
      <c r="A36" s="6" t="s">
        <v>2</v>
      </c>
      <c r="C36" s="311"/>
      <c r="D36" s="127" t="s">
        <v>143</v>
      </c>
      <c r="E36" s="127"/>
      <c r="F36" s="46"/>
      <c r="G36" s="46"/>
      <c r="H36" s="17" t="s">
        <v>142</v>
      </c>
      <c r="I36" s="17"/>
      <c r="J36" s="17"/>
      <c r="K36" s="17"/>
      <c r="L36" s="334" t="s">
        <v>28</v>
      </c>
      <c r="M36" s="335"/>
    </row>
    <row r="37" spans="1:13" ht="13.5" customHeight="1">
      <c r="A37" s="6"/>
      <c r="C37" s="311"/>
      <c r="D37" s="127"/>
      <c r="E37" s="127"/>
      <c r="F37" s="46"/>
      <c r="G37" s="46"/>
      <c r="H37" s="16"/>
      <c r="I37" s="16"/>
      <c r="J37" s="16"/>
      <c r="K37" s="16"/>
      <c r="L37" s="39" t="s">
        <v>137</v>
      </c>
      <c r="M37" s="38"/>
    </row>
    <row r="38" spans="1:13" ht="13.5" customHeight="1">
      <c r="A38" s="6" t="s">
        <v>2</v>
      </c>
      <c r="C38" s="311"/>
      <c r="D38" s="127" t="s">
        <v>141</v>
      </c>
      <c r="E38" s="127"/>
      <c r="F38" s="46"/>
      <c r="G38" s="46"/>
      <c r="H38" s="37" t="s">
        <v>140</v>
      </c>
      <c r="I38" s="37"/>
      <c r="J38" s="37"/>
      <c r="K38" s="37"/>
      <c r="L38" s="334" t="s">
        <v>28</v>
      </c>
      <c r="M38" s="335"/>
    </row>
    <row r="39" spans="1:13" ht="13.5" customHeight="1">
      <c r="A39" s="6"/>
      <c r="C39" s="311"/>
      <c r="D39" s="127"/>
      <c r="E39" s="127"/>
      <c r="F39" s="46"/>
      <c r="G39" s="46"/>
      <c r="H39" s="16"/>
      <c r="I39" s="40"/>
      <c r="J39" s="40"/>
      <c r="K39" s="40"/>
      <c r="L39" s="39" t="s">
        <v>137</v>
      </c>
      <c r="M39" s="38"/>
    </row>
    <row r="40" spans="1:13" ht="13.5" customHeight="1">
      <c r="A40" s="6" t="s">
        <v>2</v>
      </c>
      <c r="C40" s="311"/>
      <c r="D40" s="127" t="s">
        <v>139</v>
      </c>
      <c r="E40" s="127"/>
      <c r="F40" s="46"/>
      <c r="G40" s="46"/>
      <c r="H40" s="37" t="s">
        <v>138</v>
      </c>
      <c r="I40" s="37"/>
      <c r="J40" s="37"/>
      <c r="K40" s="37"/>
      <c r="L40" s="334" t="s">
        <v>28</v>
      </c>
      <c r="M40" s="335"/>
    </row>
    <row r="41" spans="1:13" ht="13.5" customHeight="1">
      <c r="A41" s="6"/>
      <c r="C41" s="311"/>
      <c r="D41" s="127"/>
      <c r="E41" s="127"/>
      <c r="F41" s="46"/>
      <c r="G41" s="46"/>
      <c r="H41" s="18"/>
      <c r="I41" s="13"/>
      <c r="J41" s="13"/>
      <c r="K41" s="13"/>
      <c r="L41" s="39" t="s">
        <v>137</v>
      </c>
      <c r="M41" s="38"/>
    </row>
    <row r="42" spans="1:13" ht="13.5" customHeight="1">
      <c r="A42" s="6" t="s">
        <v>2</v>
      </c>
      <c r="C42" s="311"/>
      <c r="D42" s="127" t="s">
        <v>91</v>
      </c>
      <c r="E42" s="127"/>
      <c r="F42" s="46"/>
      <c r="G42" s="46"/>
      <c r="H42" s="37" t="s">
        <v>90</v>
      </c>
      <c r="I42" s="37"/>
      <c r="J42" s="37"/>
      <c r="K42" s="37"/>
      <c r="L42" s="334" t="s">
        <v>28</v>
      </c>
      <c r="M42" s="335"/>
    </row>
    <row r="43" spans="1:13" ht="13.5" customHeight="1" thickBot="1">
      <c r="A43" s="6"/>
      <c r="C43" s="312"/>
      <c r="D43" s="137"/>
      <c r="E43" s="137"/>
      <c r="F43" s="138"/>
      <c r="G43" s="138"/>
      <c r="H43" s="36"/>
      <c r="I43" s="11"/>
      <c r="J43" s="11"/>
      <c r="K43" s="11"/>
      <c r="L43" s="35" t="s">
        <v>137</v>
      </c>
      <c r="M43" s="34"/>
    </row>
    <row r="44" spans="1:13" ht="13.5" customHeight="1">
      <c r="A44" s="6" t="s">
        <v>2</v>
      </c>
      <c r="C44" s="321" t="s">
        <v>136</v>
      </c>
      <c r="D44" s="322"/>
      <c r="E44" s="322"/>
      <c r="F44" s="322"/>
      <c r="G44" s="323"/>
      <c r="H44" s="15" t="s">
        <v>135</v>
      </c>
      <c r="I44" s="15"/>
      <c r="J44" s="15"/>
      <c r="K44" s="15"/>
      <c r="L44" s="15"/>
      <c r="M44" s="14"/>
    </row>
    <row r="45" spans="1:13" ht="13.5" customHeight="1">
      <c r="A45" s="6"/>
      <c r="C45" s="324"/>
      <c r="D45" s="173"/>
      <c r="E45" s="173"/>
      <c r="F45" s="173"/>
      <c r="G45" s="174"/>
      <c r="H45" s="13" t="s">
        <v>134</v>
      </c>
      <c r="I45" s="13"/>
      <c r="J45" s="13"/>
      <c r="K45" s="13"/>
      <c r="L45" s="13"/>
      <c r="M45" s="12"/>
    </row>
    <row r="46" spans="1:13" ht="13.5" customHeight="1" thickBot="1">
      <c r="A46" s="6"/>
      <c r="C46" s="325"/>
      <c r="D46" s="326"/>
      <c r="E46" s="326"/>
      <c r="F46" s="326"/>
      <c r="G46" s="327"/>
      <c r="H46" s="11" t="s">
        <v>133</v>
      </c>
      <c r="I46" s="11"/>
      <c r="J46" s="11"/>
      <c r="K46" s="11"/>
      <c r="L46" s="11"/>
      <c r="M46" s="10"/>
    </row>
    <row r="47" spans="1:13" ht="13.5" customHeight="1">
      <c r="A47" s="6" t="s">
        <v>2</v>
      </c>
      <c r="C47" s="328" t="s">
        <v>132</v>
      </c>
      <c r="D47" s="329"/>
      <c r="E47" s="329"/>
      <c r="F47" s="329"/>
      <c r="G47" s="330"/>
      <c r="H47" s="113" t="s">
        <v>131</v>
      </c>
      <c r="I47" s="113"/>
      <c r="J47" s="113"/>
      <c r="K47" s="113"/>
      <c r="L47" s="113"/>
      <c r="M47" s="114"/>
    </row>
    <row r="48" spans="1:13" ht="13.5" customHeight="1" thickBot="1">
      <c r="A48" s="6"/>
      <c r="C48" s="331"/>
      <c r="D48" s="332"/>
      <c r="E48" s="332"/>
      <c r="F48" s="332"/>
      <c r="G48" s="333"/>
      <c r="H48" s="123"/>
      <c r="I48" s="123"/>
      <c r="J48" s="123"/>
      <c r="K48" s="123"/>
      <c r="L48" s="123"/>
      <c r="M48" s="124"/>
    </row>
    <row r="49" spans="1:13" ht="13.5" customHeight="1">
      <c r="A49" s="6"/>
      <c r="C49" s="313" t="s">
        <v>16</v>
      </c>
      <c r="D49" s="315" t="s">
        <v>130</v>
      </c>
      <c r="E49" s="316"/>
      <c r="F49" s="316"/>
      <c r="G49" s="317"/>
      <c r="H49" s="314" t="s">
        <v>14</v>
      </c>
      <c r="I49" s="297"/>
      <c r="J49" s="314" t="s">
        <v>13</v>
      </c>
      <c r="K49" s="297"/>
      <c r="L49" s="206" t="s">
        <v>88</v>
      </c>
      <c r="M49" s="208"/>
    </row>
    <row r="50" spans="1:13" ht="13.5" customHeight="1">
      <c r="A50" s="6"/>
      <c r="C50" s="246"/>
      <c r="D50" s="318"/>
      <c r="E50" s="319"/>
      <c r="F50" s="319"/>
      <c r="G50" s="317"/>
      <c r="H50" s="223"/>
      <c r="I50" s="224"/>
      <c r="J50" s="223"/>
      <c r="K50" s="224"/>
      <c r="L50" s="50"/>
      <c r="M50" s="209"/>
    </row>
    <row r="51" spans="1:13" ht="13.5" customHeight="1">
      <c r="A51" s="6" t="s">
        <v>129</v>
      </c>
      <c r="C51" s="246"/>
      <c r="D51" s="318"/>
      <c r="E51" s="319"/>
      <c r="F51" s="319"/>
      <c r="G51" s="317"/>
      <c r="H51" s="229" t="s">
        <v>11</v>
      </c>
      <c r="I51" s="229"/>
      <c r="J51" s="78" t="s">
        <v>6</v>
      </c>
      <c r="K51" s="79"/>
      <c r="L51" s="219" t="s">
        <v>5</v>
      </c>
      <c r="M51" s="220"/>
    </row>
    <row r="52" spans="1:13" ht="13.5" customHeight="1">
      <c r="A52" s="6"/>
      <c r="C52" s="246"/>
      <c r="D52" s="318"/>
      <c r="E52" s="319"/>
      <c r="F52" s="319"/>
      <c r="G52" s="317"/>
      <c r="H52" s="229"/>
      <c r="I52" s="229"/>
      <c r="J52" s="80"/>
      <c r="K52" s="81"/>
      <c r="L52" s="146" t="s">
        <v>128</v>
      </c>
      <c r="M52" s="218"/>
    </row>
    <row r="53" spans="1:13" ht="13.5" customHeight="1">
      <c r="A53" s="6" t="s">
        <v>2</v>
      </c>
      <c r="C53" s="246"/>
      <c r="D53" s="318"/>
      <c r="E53" s="319"/>
      <c r="F53" s="319"/>
      <c r="G53" s="317"/>
      <c r="H53" s="229" t="s">
        <v>9</v>
      </c>
      <c r="I53" s="229"/>
      <c r="J53" s="78" t="s">
        <v>6</v>
      </c>
      <c r="K53" s="79"/>
      <c r="L53" s="219" t="s">
        <v>5</v>
      </c>
      <c r="M53" s="220"/>
    </row>
    <row r="54" spans="1:13" ht="13.5" customHeight="1">
      <c r="A54" s="6"/>
      <c r="C54" s="246"/>
      <c r="D54" s="318"/>
      <c r="E54" s="319"/>
      <c r="F54" s="319"/>
      <c r="G54" s="317"/>
      <c r="H54" s="229"/>
      <c r="I54" s="229"/>
      <c r="J54" s="80"/>
      <c r="K54" s="81"/>
      <c r="L54" s="146" t="s">
        <v>83</v>
      </c>
      <c r="M54" s="218"/>
    </row>
    <row r="55" spans="1:13" ht="13.5" customHeight="1">
      <c r="A55" s="6" t="s">
        <v>2</v>
      </c>
      <c r="C55" s="246"/>
      <c r="D55" s="318"/>
      <c r="E55" s="319"/>
      <c r="F55" s="319"/>
      <c r="G55" s="317"/>
      <c r="H55" s="77" t="s">
        <v>7</v>
      </c>
      <c r="I55" s="77"/>
      <c r="J55" s="78" t="s">
        <v>6</v>
      </c>
      <c r="K55" s="79"/>
      <c r="L55" s="219" t="s">
        <v>5</v>
      </c>
      <c r="M55" s="220"/>
    </row>
    <row r="56" spans="1:13" ht="13.5" customHeight="1">
      <c r="A56" s="6"/>
      <c r="C56" s="246"/>
      <c r="D56" s="216"/>
      <c r="E56" s="320"/>
      <c r="F56" s="320"/>
      <c r="G56" s="217"/>
      <c r="H56" s="77"/>
      <c r="I56" s="77"/>
      <c r="J56" s="80"/>
      <c r="K56" s="81"/>
      <c r="L56" s="146" t="s">
        <v>83</v>
      </c>
      <c r="M56" s="218"/>
    </row>
    <row r="57" spans="1:13" ht="15" thickBot="1">
      <c r="A57" s="6"/>
      <c r="C57" s="246"/>
      <c r="D57" s="96" t="s">
        <v>127</v>
      </c>
      <c r="E57" s="97"/>
      <c r="F57" s="97"/>
      <c r="G57" s="97"/>
      <c r="H57" s="97"/>
      <c r="I57" s="97"/>
      <c r="J57" s="97"/>
      <c r="K57" s="97"/>
      <c r="L57" s="97"/>
      <c r="M57" s="98"/>
    </row>
    <row r="58" spans="1:13">
      <c r="A58" s="33" t="s">
        <v>2</v>
      </c>
      <c r="C58" s="237" t="s">
        <v>126</v>
      </c>
      <c r="D58" s="238"/>
      <c r="E58" s="238"/>
      <c r="F58" s="238"/>
      <c r="G58" s="238"/>
      <c r="H58" s="238"/>
      <c r="I58" s="238"/>
      <c r="J58" s="238"/>
      <c r="K58" s="238"/>
      <c r="L58" s="238"/>
      <c r="M58" s="239"/>
    </row>
    <row r="59" spans="1:13" ht="14.25" customHeight="1" thickBot="1">
      <c r="A59" s="32"/>
      <c r="C59" s="243"/>
      <c r="D59" s="244"/>
      <c r="E59" s="244"/>
      <c r="F59" s="244"/>
      <c r="G59" s="244"/>
      <c r="H59" s="244"/>
      <c r="I59" s="244"/>
      <c r="J59" s="244"/>
      <c r="K59" s="244"/>
      <c r="L59" s="244"/>
      <c r="M59" s="245"/>
    </row>
    <row r="60" spans="1:13" ht="11.25" customHeight="1"/>
    <row r="61" spans="1:13">
      <c r="A61" s="2" t="s">
        <v>0</v>
      </c>
    </row>
  </sheetData>
  <mergeCells count="83">
    <mergeCell ref="L38:M38"/>
    <mergeCell ref="L36:M36"/>
    <mergeCell ref="D36:G37"/>
    <mergeCell ref="C58:M59"/>
    <mergeCell ref="J53:K54"/>
    <mergeCell ref="L53:M53"/>
    <mergeCell ref="L54:M54"/>
    <mergeCell ref="H55:I56"/>
    <mergeCell ref="J55:K56"/>
    <mergeCell ref="L55:M55"/>
    <mergeCell ref="L56:M56"/>
    <mergeCell ref="C49:C57"/>
    <mergeCell ref="H49:I50"/>
    <mergeCell ref="D49:G56"/>
    <mergeCell ref="J49:K50"/>
    <mergeCell ref="L49:M50"/>
    <mergeCell ref="H51:I52"/>
    <mergeCell ref="L52:M52"/>
    <mergeCell ref="H53:I54"/>
    <mergeCell ref="G25:J25"/>
    <mergeCell ref="E26:E28"/>
    <mergeCell ref="C30:C43"/>
    <mergeCell ref="D57:M57"/>
    <mergeCell ref="J51:K52"/>
    <mergeCell ref="L51:M51"/>
    <mergeCell ref="C44:G46"/>
    <mergeCell ref="C47:G48"/>
    <mergeCell ref="L34:M34"/>
    <mergeCell ref="L40:M40"/>
    <mergeCell ref="D32:G33"/>
    <mergeCell ref="L32:M32"/>
    <mergeCell ref="D38:G39"/>
    <mergeCell ref="L42:M42"/>
    <mergeCell ref="D40:G41"/>
    <mergeCell ref="H47:M48"/>
    <mergeCell ref="G18:J18"/>
    <mergeCell ref="F26:F28"/>
    <mergeCell ref="G26:J26"/>
    <mergeCell ref="L30:M31"/>
    <mergeCell ref="D42:G43"/>
    <mergeCell ref="G19:J19"/>
    <mergeCell ref="K29:M29"/>
    <mergeCell ref="G29:J29"/>
    <mergeCell ref="E24:F25"/>
    <mergeCell ref="E18:F19"/>
    <mergeCell ref="E20:F23"/>
    <mergeCell ref="K18:M19"/>
    <mergeCell ref="D34:G35"/>
    <mergeCell ref="C16:D29"/>
    <mergeCell ref="G27:J27"/>
    <mergeCell ref="K24:M25"/>
    <mergeCell ref="G12:M12"/>
    <mergeCell ref="G13:M13"/>
    <mergeCell ref="G15:M15"/>
    <mergeCell ref="D30:G31"/>
    <mergeCell ref="H30:K31"/>
    <mergeCell ref="E13:F15"/>
    <mergeCell ref="G24:J24"/>
    <mergeCell ref="G20:J20"/>
    <mergeCell ref="K20:M23"/>
    <mergeCell ref="G21:J21"/>
    <mergeCell ref="G22:J22"/>
    <mergeCell ref="G23:J23"/>
    <mergeCell ref="E16:F17"/>
    <mergeCell ref="K26:M28"/>
    <mergeCell ref="G16:J17"/>
    <mergeCell ref="K16:M17"/>
    <mergeCell ref="E29:F29"/>
    <mergeCell ref="H2:M2"/>
    <mergeCell ref="C3:M3"/>
    <mergeCell ref="C4:F5"/>
    <mergeCell ref="G4:M5"/>
    <mergeCell ref="C6:F8"/>
    <mergeCell ref="G6:M6"/>
    <mergeCell ref="G7:M7"/>
    <mergeCell ref="G8:M8"/>
    <mergeCell ref="E11:F12"/>
    <mergeCell ref="G14:M14"/>
    <mergeCell ref="C9:F10"/>
    <mergeCell ref="G9:M9"/>
    <mergeCell ref="G10:M10"/>
    <mergeCell ref="C11:D15"/>
    <mergeCell ref="G11:M11"/>
  </mergeCells>
  <phoneticPr fontId="2"/>
  <printOptions horizontalCentered="1"/>
  <pageMargins left="0.74803149606299213" right="0.25" top="0.43307086614173229" bottom="0.27559055118110237" header="0.39370078740157483" footer="0.31496062992125984"/>
  <pageSetup paperSize="9" scale="8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別表１(様式２）</vt:lpstr>
      <vt:lpstr>別表２ (様式２) </vt:lpstr>
      <vt:lpstr>別表３ (様式２)</vt:lpstr>
      <vt:lpstr>'別表１(様式２）'!Print_Area</vt:lpstr>
      <vt:lpstr>'別表２ (様式２) '!Print_Area</vt:lpstr>
      <vt:lpstr>'別表３ (様式２)'!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渡辺　千馬</cp:lastModifiedBy>
  <dcterms:modified xsi:type="dcterms:W3CDTF">2021-03-23T06:45:09Z</dcterms:modified>
</cp:coreProperties>
</file>